
<file path=[Content_Types].xml><?xml version="1.0" encoding="utf-8"?>
<Types xmlns="http://schemas.openxmlformats.org/package/2006/content-types">
  <Default Extension="png" ContentType="image/png"/>
  <Default Extension="tmp" ContentType="image/png"/>
  <Default Extension="jpeg" ContentType="image/jpeg"/>
  <Default Extension="jpg&amp;ehk=tuqxgh4wDnCwxFLjoz0NDQ&amp;r=0&amp;pid=OfficeInsert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3" r:id="rId4"/>
  </p:sldMasterIdLst>
  <p:notesMasterIdLst>
    <p:notesMasterId r:id="rId78"/>
  </p:notesMasterIdLst>
  <p:handoutMasterIdLst>
    <p:handoutMasterId r:id="rId79"/>
  </p:handoutMasterIdLst>
  <p:sldIdLst>
    <p:sldId id="624" r:id="rId5"/>
    <p:sldId id="703" r:id="rId6"/>
    <p:sldId id="638" r:id="rId7"/>
    <p:sldId id="633" r:id="rId8"/>
    <p:sldId id="583" r:id="rId9"/>
    <p:sldId id="582" r:id="rId10"/>
    <p:sldId id="830" r:id="rId11"/>
    <p:sldId id="581" r:id="rId12"/>
    <p:sldId id="766" r:id="rId13"/>
    <p:sldId id="706" r:id="rId14"/>
    <p:sldId id="664" r:id="rId15"/>
    <p:sldId id="704" r:id="rId16"/>
    <p:sldId id="696" r:id="rId17"/>
    <p:sldId id="697" r:id="rId18"/>
    <p:sldId id="831" r:id="rId19"/>
    <p:sldId id="837" r:id="rId20"/>
    <p:sldId id="614" r:id="rId21"/>
    <p:sldId id="585" r:id="rId22"/>
    <p:sldId id="728" r:id="rId23"/>
    <p:sldId id="617" r:id="rId24"/>
    <p:sldId id="575" r:id="rId25"/>
    <p:sldId id="626" r:id="rId26"/>
    <p:sldId id="768" r:id="rId27"/>
    <p:sldId id="630" r:id="rId28"/>
    <p:sldId id="623" r:id="rId29"/>
    <p:sldId id="625" r:id="rId30"/>
    <p:sldId id="772" r:id="rId31"/>
    <p:sldId id="576" r:id="rId32"/>
    <p:sldId id="780" r:id="rId33"/>
    <p:sldId id="673" r:id="rId34"/>
    <p:sldId id="705" r:id="rId35"/>
    <p:sldId id="677" r:id="rId36"/>
    <p:sldId id="778" r:id="rId37"/>
    <p:sldId id="577" r:id="rId38"/>
    <p:sldId id="578" r:id="rId39"/>
    <p:sldId id="692" r:id="rId40"/>
    <p:sldId id="694" r:id="rId41"/>
    <p:sldId id="782" r:id="rId42"/>
    <p:sldId id="828" r:id="rId43"/>
    <p:sldId id="671" r:id="rId44"/>
    <p:sldId id="686" r:id="rId45"/>
    <p:sldId id="587" r:id="rId46"/>
    <p:sldId id="833" r:id="rId47"/>
    <p:sldId id="685" r:id="rId48"/>
    <p:sldId id="834" r:id="rId49"/>
    <p:sldId id="826" r:id="rId50"/>
    <p:sldId id="799" r:id="rId51"/>
    <p:sldId id="835" r:id="rId52"/>
    <p:sldId id="594" r:id="rId53"/>
    <p:sldId id="555" r:id="rId54"/>
    <p:sldId id="559" r:id="rId55"/>
    <p:sldId id="770" r:id="rId56"/>
    <p:sldId id="754" r:id="rId57"/>
    <p:sldId id="755" r:id="rId58"/>
    <p:sldId id="756" r:id="rId59"/>
    <p:sldId id="757" r:id="rId60"/>
    <p:sldId id="827" r:id="rId61"/>
    <p:sldId id="565" r:id="rId62"/>
    <p:sldId id="569" r:id="rId63"/>
    <p:sldId id="570" r:id="rId64"/>
    <p:sldId id="560" r:id="rId65"/>
    <p:sldId id="557" r:id="rId66"/>
    <p:sldId id="558" r:id="rId67"/>
    <p:sldId id="574" r:id="rId68"/>
    <p:sldId id="566" r:id="rId69"/>
    <p:sldId id="567" r:id="rId70"/>
    <p:sldId id="573" r:id="rId71"/>
    <p:sldId id="571" r:id="rId72"/>
    <p:sldId id="568" r:id="rId73"/>
    <p:sldId id="572" r:id="rId74"/>
    <p:sldId id="634" r:id="rId75"/>
    <p:sldId id="773" r:id="rId76"/>
    <p:sldId id="636" r:id="rId77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28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2" name="Author" initials="A" lastIdx="887" clrIdx="1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FF"/>
    <a:srgbClr val="F8CAAA"/>
    <a:srgbClr val="FF0000"/>
    <a:srgbClr val="ED7D31"/>
    <a:srgbClr val="5B9BD5"/>
    <a:srgbClr val="D2DEEF"/>
    <a:srgbClr val="A922FC"/>
    <a:srgbClr val="C7AFF7"/>
    <a:srgbClr val="F42ABA"/>
    <a:srgbClr val="5A21A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AF59CF9-729C-486E-B65D-9A99698FDFDE}" v="2520" dt="2018-08-31T14:38:23.863"/>
    <p1510:client id="{7D783AEB-FDD2-425B-B2FD-E3AEF6811F99}" v="1920" dt="2018-09-04T12:20:26.73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EB9631B5-78F2-41C9-869B-9F39066F8104}" styleName="Medium Style 3 - 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BDBED569-4797-4DF1-A0F4-6AAB3CD982D8}" styleName="Light Style 3 - Accent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5" d="100"/>
          <a:sy n="85" d="100"/>
        </p:scale>
        <p:origin x="912" y="10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7314"/>
    </p:cViewPr>
  </p:sorter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2928"/>
        <p:guide pos="2208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slide" Target="slides/slide38.xml"/><Relationship Id="rId47" Type="http://schemas.openxmlformats.org/officeDocument/2006/relationships/slide" Target="slides/slide43.xml"/><Relationship Id="rId50" Type="http://schemas.openxmlformats.org/officeDocument/2006/relationships/slide" Target="slides/slide46.xml"/><Relationship Id="rId55" Type="http://schemas.openxmlformats.org/officeDocument/2006/relationships/slide" Target="slides/slide51.xml"/><Relationship Id="rId63" Type="http://schemas.openxmlformats.org/officeDocument/2006/relationships/slide" Target="slides/slide59.xml"/><Relationship Id="rId68" Type="http://schemas.openxmlformats.org/officeDocument/2006/relationships/slide" Target="slides/slide64.xml"/><Relationship Id="rId76" Type="http://schemas.openxmlformats.org/officeDocument/2006/relationships/slide" Target="slides/slide72.xml"/><Relationship Id="rId84" Type="http://schemas.openxmlformats.org/officeDocument/2006/relationships/tableStyles" Target="tableStyles.xml"/><Relationship Id="rId7" Type="http://schemas.openxmlformats.org/officeDocument/2006/relationships/slide" Target="slides/slide3.xml"/><Relationship Id="rId71" Type="http://schemas.openxmlformats.org/officeDocument/2006/relationships/slide" Target="slides/slide67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53" Type="http://schemas.openxmlformats.org/officeDocument/2006/relationships/slide" Target="slides/slide49.xml"/><Relationship Id="rId58" Type="http://schemas.openxmlformats.org/officeDocument/2006/relationships/slide" Target="slides/slide54.xml"/><Relationship Id="rId66" Type="http://schemas.openxmlformats.org/officeDocument/2006/relationships/slide" Target="slides/slide62.xml"/><Relationship Id="rId74" Type="http://schemas.openxmlformats.org/officeDocument/2006/relationships/slide" Target="slides/slide70.xml"/><Relationship Id="rId79" Type="http://schemas.openxmlformats.org/officeDocument/2006/relationships/handoutMaster" Target="handoutMasters/handoutMaster1.xml"/><Relationship Id="rId5" Type="http://schemas.openxmlformats.org/officeDocument/2006/relationships/slide" Target="slides/slide1.xml"/><Relationship Id="rId61" Type="http://schemas.openxmlformats.org/officeDocument/2006/relationships/slide" Target="slides/slide57.xml"/><Relationship Id="rId82" Type="http://schemas.openxmlformats.org/officeDocument/2006/relationships/viewProps" Target="viewProps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slide" Target="slides/slide39.xml"/><Relationship Id="rId48" Type="http://schemas.openxmlformats.org/officeDocument/2006/relationships/slide" Target="slides/slide44.xml"/><Relationship Id="rId56" Type="http://schemas.openxmlformats.org/officeDocument/2006/relationships/slide" Target="slides/slide52.xml"/><Relationship Id="rId64" Type="http://schemas.openxmlformats.org/officeDocument/2006/relationships/slide" Target="slides/slide60.xml"/><Relationship Id="rId69" Type="http://schemas.openxmlformats.org/officeDocument/2006/relationships/slide" Target="slides/slide65.xml"/><Relationship Id="rId77" Type="http://schemas.openxmlformats.org/officeDocument/2006/relationships/slide" Target="slides/slide73.xml"/><Relationship Id="rId8" Type="http://schemas.openxmlformats.org/officeDocument/2006/relationships/slide" Target="slides/slide4.xml"/><Relationship Id="rId51" Type="http://schemas.openxmlformats.org/officeDocument/2006/relationships/slide" Target="slides/slide47.xml"/><Relationship Id="rId72" Type="http://schemas.openxmlformats.org/officeDocument/2006/relationships/slide" Target="slides/slide68.xml"/><Relationship Id="rId80" Type="http://schemas.openxmlformats.org/officeDocument/2006/relationships/commentAuthors" Target="commentAuthors.xml"/><Relationship Id="rId85" Type="http://schemas.microsoft.com/office/2015/10/relationships/revisionInfo" Target="revisionInfo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slide" Target="slides/slide42.xml"/><Relationship Id="rId59" Type="http://schemas.openxmlformats.org/officeDocument/2006/relationships/slide" Target="slides/slide55.xml"/><Relationship Id="rId67" Type="http://schemas.openxmlformats.org/officeDocument/2006/relationships/slide" Target="slides/slide63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54" Type="http://schemas.openxmlformats.org/officeDocument/2006/relationships/slide" Target="slides/slide50.xml"/><Relationship Id="rId62" Type="http://schemas.openxmlformats.org/officeDocument/2006/relationships/slide" Target="slides/slide58.xml"/><Relationship Id="rId70" Type="http://schemas.openxmlformats.org/officeDocument/2006/relationships/slide" Target="slides/slide66.xml"/><Relationship Id="rId75" Type="http://schemas.openxmlformats.org/officeDocument/2006/relationships/slide" Target="slides/slide71.xml"/><Relationship Id="rId83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slide" Target="slides/slide45.xml"/><Relationship Id="rId57" Type="http://schemas.openxmlformats.org/officeDocument/2006/relationships/slide" Target="slides/slide53.xml"/><Relationship Id="rId10" Type="http://schemas.openxmlformats.org/officeDocument/2006/relationships/slide" Target="slides/slide6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52" Type="http://schemas.openxmlformats.org/officeDocument/2006/relationships/slide" Target="slides/slide48.xml"/><Relationship Id="rId60" Type="http://schemas.openxmlformats.org/officeDocument/2006/relationships/slide" Target="slides/slide56.xml"/><Relationship Id="rId65" Type="http://schemas.openxmlformats.org/officeDocument/2006/relationships/slide" Target="slides/slide61.xml"/><Relationship Id="rId73" Type="http://schemas.openxmlformats.org/officeDocument/2006/relationships/slide" Target="slides/slide69.xml"/><Relationship Id="rId78" Type="http://schemas.openxmlformats.org/officeDocument/2006/relationships/notesMaster" Target="notesMasters/notesMaster1.xml"/><Relationship Id="rId81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A50-4DF8-B6E3-921FF6785875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A50-4DF8-B6E3-921FF6785875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A50-4DF8-B6E3-921FF6785875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A50-4DF8-B6E3-921FF6785875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FA50-4DF8-B6E3-921FF6785875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8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FA50-4DF8-B6E3-921FF6785875}"/>
                </c:ext>
              </c:extLst>
            </c:dLbl>
            <c:dLbl>
              <c:idx val="4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8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FA50-4DF8-B6E3-921FF678587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howDataLabelsRange val="1"/>
              </c:ext>
            </c:extLst>
          </c:dLbls>
          <c:cat>
            <c:strRef>
              <c:f>Sheet2!$A$1:$A$5</c:f>
              <c:strCache>
                <c:ptCount val="5"/>
                <c:pt idx="0">
                  <c:v>Chrome</c:v>
                </c:pt>
                <c:pt idx="1">
                  <c:v>iPad</c:v>
                </c:pt>
                <c:pt idx="2">
                  <c:v>Linux</c:v>
                </c:pt>
                <c:pt idx="3">
                  <c:v>Mac</c:v>
                </c:pt>
                <c:pt idx="4">
                  <c:v>Windows</c:v>
                </c:pt>
              </c:strCache>
            </c:strRef>
          </c:cat>
          <c:val>
            <c:numRef>
              <c:f>Sheet2!$B$1:$B$5</c:f>
              <c:numCache>
                <c:formatCode>0%</c:formatCode>
                <c:ptCount val="5"/>
                <c:pt idx="0">
                  <c:v>0.46</c:v>
                </c:pt>
                <c:pt idx="1">
                  <c:v>0.02</c:v>
                </c:pt>
                <c:pt idx="2">
                  <c:v>0</c:v>
                </c:pt>
                <c:pt idx="3">
                  <c:v>0.01</c:v>
                </c:pt>
                <c:pt idx="4">
                  <c:v>0.5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FA50-4DF8-B6E3-921FF6785875}"/>
            </c:ext>
          </c:extLst>
        </c:ser>
        <c:dLbls>
          <c:dLblPos val="bestFit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72298860039950086"/>
          <c:y val="0.26271473500918258"/>
          <c:w val="0.16003618906869507"/>
          <c:h val="0.3746487942539945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_rels/data6.xml.rels><?xml version="1.0" encoding="UTF-8" standalone="yes"?>
<Relationships xmlns="http://schemas.openxmlformats.org/package/2006/relationships"><Relationship Id="rId1" Type="http://schemas.openxmlformats.org/officeDocument/2006/relationships/hyperlink" Target="http://www.gaexperienceonline.com/" TargetMode="External"/></Relationships>
</file>

<file path=ppt/diagrams/_rels/drawing6.xml.rels><?xml version="1.0" encoding="UTF-8" standalone="yes"?>
<Relationships xmlns="http://schemas.openxmlformats.org/package/2006/relationships"><Relationship Id="rId1" Type="http://schemas.openxmlformats.org/officeDocument/2006/relationships/hyperlink" Target="http://www.gaexperienceonline.com/" TargetMode="Externa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E3E94BA-D697-405F-A318-EA03B71043F2}" type="doc">
      <dgm:prSet loTypeId="urn:microsoft.com/office/officeart/2005/8/layout/radial4" loCatId="relationship" qsTypeId="urn:microsoft.com/office/officeart/2005/8/quickstyle/simple3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CA229ABB-6AE2-4231-AB9C-79140C250910}">
      <dgm:prSet phldrT="[Text]"/>
      <dgm:spPr/>
      <dgm:t>
        <a:bodyPr/>
        <a:lstStyle/>
        <a:p>
          <a:r>
            <a:rPr lang="en-US"/>
            <a:t>District Testing Calendar</a:t>
          </a:r>
        </a:p>
      </dgm:t>
    </dgm:pt>
    <dgm:pt modelId="{C993DEA3-556F-4EF3-9F3C-661231386469}" type="parTrans" cxnId="{01790DD8-2D7C-4B53-AC84-EBEBA478F040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FBC5D5BC-2072-40AA-9AAA-02DD83863D07}" type="sibTrans" cxnId="{01790DD8-2D7C-4B53-AC84-EBEBA478F040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E71E3135-064D-462B-AE17-B5B645C4B434}">
      <dgm:prSet phldrT="[Text]"/>
      <dgm:spPr/>
      <dgm:t>
        <a:bodyPr/>
        <a:lstStyle/>
        <a:p>
          <a:r>
            <a:rPr lang="en-US"/>
            <a:t>GKIDS</a:t>
          </a:r>
        </a:p>
      </dgm:t>
    </dgm:pt>
    <dgm:pt modelId="{8314E38B-393D-44A0-9B1F-6F7BA1B90BE8}" type="parTrans" cxnId="{FDB3512D-48F3-4288-ACE2-73308686547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CDBECF6C-F1F7-46D0-9941-05D59093CA3A}" type="sibTrans" cxnId="{FDB3512D-48F3-4288-ACE2-73308686547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8D242984-4D20-4420-8AB5-2CC1B1869FD0}">
      <dgm:prSet phldrT="[Text]"/>
      <dgm:spPr/>
      <dgm:t>
        <a:bodyPr/>
        <a:lstStyle/>
        <a:p>
          <a:r>
            <a:rPr lang="en-US"/>
            <a:t>Georgia Milestones</a:t>
          </a:r>
        </a:p>
      </dgm:t>
    </dgm:pt>
    <dgm:pt modelId="{B2D04BE8-32DB-47CB-A443-33BB2978CA7B}" type="parTrans" cxnId="{CB5878CD-3BB9-4A37-9918-BBC37E054887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746899AA-5F6C-4DA0-B14E-63AADA8C6976}" type="sibTrans" cxnId="{CB5878CD-3BB9-4A37-9918-BBC37E054887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1B7EED14-DD1F-4AA0-8C1E-40065C31C676}">
      <dgm:prSet phldrT="[Text]"/>
      <dgm:spPr/>
      <dgm:t>
        <a:bodyPr/>
        <a:lstStyle/>
        <a:p>
          <a:r>
            <a:rPr lang="en-US"/>
            <a:t>NAEP</a:t>
          </a:r>
        </a:p>
      </dgm:t>
    </dgm:pt>
    <dgm:pt modelId="{B5966880-1BAF-4759-9837-F8DBB6BB5B3D}" type="parTrans" cxnId="{DD70FC11-3CE1-449E-8DD9-990D1B95DB9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FDFCE3F8-C609-4013-A1A8-87D5CFCAA8B2}" type="sibTrans" cxnId="{DD70FC11-3CE1-449E-8DD9-990D1B95DB9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B1CEAAE7-9C46-4A80-8663-B89798F9DF56}">
      <dgm:prSet phldrT="[Text]"/>
      <dgm:spPr/>
      <dgm:t>
        <a:bodyPr/>
        <a:lstStyle/>
        <a:p>
          <a:r>
            <a:rPr lang="en-US"/>
            <a:t>ACCESS for ELLs 2.0</a:t>
          </a:r>
        </a:p>
      </dgm:t>
    </dgm:pt>
    <dgm:pt modelId="{AF54C199-34F2-4576-A470-038C05F06227}" type="parTrans" cxnId="{0F663FD7-E8FC-44C6-A08E-D7827F1292F4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31BFEC28-14D7-4CBB-B959-A8192F14428B}" type="sibTrans" cxnId="{0F663FD7-E8FC-44C6-A08E-D7827F1292F4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0DBBD028-3DA7-4AAC-BC94-C22694165B64}">
      <dgm:prSet phldrT="[Text]"/>
      <dgm:spPr/>
      <dgm:t>
        <a:bodyPr/>
        <a:lstStyle/>
        <a:p>
          <a:r>
            <a:rPr lang="en-US"/>
            <a:t>GAA 2.0</a:t>
          </a:r>
        </a:p>
      </dgm:t>
    </dgm:pt>
    <dgm:pt modelId="{13E0A689-F716-4E3E-BA14-DFB80AD8AECF}" type="parTrans" cxnId="{BF043051-C742-4B0B-99FB-39D93E21C84F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3F2E1B6E-A0D4-4EB8-8B09-9FE756DC2A28}" type="sibTrans" cxnId="{BF043051-C742-4B0B-99FB-39D93E21C84F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E878A2C6-1C9C-43A7-910D-12404AF2A0A3}">
      <dgm:prSet phldrT="[Text]"/>
      <dgm:spPr/>
      <dgm:t>
        <a:bodyPr/>
        <a:lstStyle/>
        <a:p>
          <a:r>
            <a:rPr lang="en-US"/>
            <a:t>District Holidays</a:t>
          </a:r>
        </a:p>
      </dgm:t>
    </dgm:pt>
    <dgm:pt modelId="{5B3CB025-B475-41B4-8BE2-A54BE27C2E60}" type="parTrans" cxnId="{1F552A47-627B-438C-B749-73F180939973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1D5315A5-8888-4DAB-A0BC-DC6F81C3968E}" type="sibTrans" cxnId="{1F552A47-627B-438C-B749-73F180939973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DF7ED462-7C4D-44B1-876F-E11FF891DEBA}">
      <dgm:prSet phldrT="[Text]"/>
      <dgm:spPr/>
      <dgm:t>
        <a:bodyPr/>
        <a:lstStyle/>
        <a:p>
          <a:r>
            <a:rPr lang="en-US"/>
            <a:t>District Benchmarks</a:t>
          </a:r>
        </a:p>
      </dgm:t>
    </dgm:pt>
    <dgm:pt modelId="{65CC105D-00C4-4DAF-BFD7-536BBE951C27}" type="parTrans" cxnId="{4A2AC638-F2DB-4356-AA2D-9B3D7B57F5A2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4E4CAD7E-A53A-4F26-AAF0-8D2FBDB5786E}" type="sibTrans" cxnId="{4A2AC638-F2DB-4356-AA2D-9B3D7B57F5A2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E10DA03F-9837-4E46-B15A-12339D8754A2}">
      <dgm:prSet phldrT="[Text]"/>
      <dgm:spPr/>
      <dgm:t>
        <a:bodyPr/>
        <a:lstStyle/>
        <a:p>
          <a:r>
            <a:rPr lang="en-US"/>
            <a:t>Other Tests – ACT, AP, SAT, PSAT</a:t>
          </a:r>
        </a:p>
      </dgm:t>
    </dgm:pt>
    <dgm:pt modelId="{D019D8CB-5FD2-427F-8F88-B3CAE14BDF03}" type="parTrans" cxnId="{E1EA7A9F-6295-48AF-986A-0DBA3AD43674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7C6DBF48-2D8E-41EF-9FE5-9256225E8043}" type="sibTrans" cxnId="{E1EA7A9F-6295-48AF-986A-0DBA3AD43674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83C52143-4C05-4E0C-A655-F16D22E7C951}">
      <dgm:prSet phldrT="[Text]"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70575B4F-0AC4-4591-A8B3-9BB0A46D53F8}" type="parTrans" cxnId="{FFE5A25F-E89C-4E70-BFA1-E89DABAFC31B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D3C6D4F1-FD05-4068-A3A8-4B429E0501DA}" type="sibTrans" cxnId="{FFE5A25F-E89C-4E70-BFA1-E89DABAFC31B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D2260E52-DDAE-440F-BB5D-BF630AE4821D}">
      <dgm:prSet phldrT="[Text]"/>
      <dgm:spPr/>
      <dgm:t>
        <a:bodyPr/>
        <a:lstStyle/>
        <a:p>
          <a:r>
            <a:rPr lang="en-US"/>
            <a:t>Keenville</a:t>
          </a:r>
        </a:p>
      </dgm:t>
    </dgm:pt>
    <dgm:pt modelId="{D3BC7AEA-D62B-4FF8-984E-34A1A1F842D0}" type="parTrans" cxnId="{75809E1D-4742-4AAD-96E7-69A21066952D}">
      <dgm:prSet/>
      <dgm:spPr/>
    </dgm:pt>
    <dgm:pt modelId="{AD794B3A-C725-45EC-AF7F-8830CDE847B1}" type="sibTrans" cxnId="{75809E1D-4742-4AAD-96E7-69A21066952D}">
      <dgm:prSet/>
      <dgm:spPr/>
    </dgm:pt>
    <dgm:pt modelId="{872DF698-410E-4CC9-8C1B-E6AFD1A2A661}" type="pres">
      <dgm:prSet presAssocID="{8E3E94BA-D697-405F-A318-EA03B71043F2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7F6A5EDD-A51C-42A9-A90F-0AF8FF987BDD}" type="pres">
      <dgm:prSet presAssocID="{CA229ABB-6AE2-4231-AB9C-79140C250910}" presName="centerShape" presStyleLbl="node0" presStyleIdx="0" presStyleCnt="1"/>
      <dgm:spPr/>
    </dgm:pt>
    <dgm:pt modelId="{E77A35C0-00E7-44E0-B0A1-3F6AE8CFB3DF}" type="pres">
      <dgm:prSet presAssocID="{8314E38B-393D-44A0-9B1F-6F7BA1B90BE8}" presName="parTrans" presStyleLbl="bgSibTrans2D1" presStyleIdx="0" presStyleCnt="9"/>
      <dgm:spPr/>
    </dgm:pt>
    <dgm:pt modelId="{686F645D-3221-4AED-A5B5-C40C09203A41}" type="pres">
      <dgm:prSet presAssocID="{E71E3135-064D-462B-AE17-B5B645C4B434}" presName="node" presStyleLbl="node1" presStyleIdx="0" presStyleCnt="9">
        <dgm:presLayoutVars>
          <dgm:bulletEnabled val="1"/>
        </dgm:presLayoutVars>
      </dgm:prSet>
      <dgm:spPr/>
    </dgm:pt>
    <dgm:pt modelId="{464D594D-242C-463E-B32E-1053E8E227D6}" type="pres">
      <dgm:prSet presAssocID="{B2D04BE8-32DB-47CB-A443-33BB2978CA7B}" presName="parTrans" presStyleLbl="bgSibTrans2D1" presStyleIdx="1" presStyleCnt="9"/>
      <dgm:spPr/>
    </dgm:pt>
    <dgm:pt modelId="{4F893C72-34C1-42AA-8331-37B665C2F9B2}" type="pres">
      <dgm:prSet presAssocID="{8D242984-4D20-4420-8AB5-2CC1B1869FD0}" presName="node" presStyleLbl="node1" presStyleIdx="1" presStyleCnt="9">
        <dgm:presLayoutVars>
          <dgm:bulletEnabled val="1"/>
        </dgm:presLayoutVars>
      </dgm:prSet>
      <dgm:spPr/>
    </dgm:pt>
    <dgm:pt modelId="{35897AB9-F50F-4154-B1CE-29D21B0F3317}" type="pres">
      <dgm:prSet presAssocID="{AF54C199-34F2-4576-A470-038C05F06227}" presName="parTrans" presStyleLbl="bgSibTrans2D1" presStyleIdx="2" presStyleCnt="9"/>
      <dgm:spPr/>
    </dgm:pt>
    <dgm:pt modelId="{E6B5C0C3-1107-4481-ADE9-C2EAAC4A4E9D}" type="pres">
      <dgm:prSet presAssocID="{B1CEAAE7-9C46-4A80-8663-B89798F9DF56}" presName="node" presStyleLbl="node1" presStyleIdx="2" presStyleCnt="9">
        <dgm:presLayoutVars>
          <dgm:bulletEnabled val="1"/>
        </dgm:presLayoutVars>
      </dgm:prSet>
      <dgm:spPr/>
    </dgm:pt>
    <dgm:pt modelId="{0AB9F6B9-2E7A-4328-AF7E-AAD1DA9ECC16}" type="pres">
      <dgm:prSet presAssocID="{13E0A689-F716-4E3E-BA14-DFB80AD8AECF}" presName="parTrans" presStyleLbl="bgSibTrans2D1" presStyleIdx="3" presStyleCnt="9"/>
      <dgm:spPr/>
    </dgm:pt>
    <dgm:pt modelId="{CB7D79E4-17BA-40DA-9984-4206026BEABB}" type="pres">
      <dgm:prSet presAssocID="{0DBBD028-3DA7-4AAC-BC94-C22694165B64}" presName="node" presStyleLbl="node1" presStyleIdx="3" presStyleCnt="9">
        <dgm:presLayoutVars>
          <dgm:bulletEnabled val="1"/>
        </dgm:presLayoutVars>
      </dgm:prSet>
      <dgm:spPr/>
    </dgm:pt>
    <dgm:pt modelId="{2C555422-FC23-4E36-8FE8-A7AD35C67F61}" type="pres">
      <dgm:prSet presAssocID="{B5966880-1BAF-4759-9837-F8DBB6BB5B3D}" presName="parTrans" presStyleLbl="bgSibTrans2D1" presStyleIdx="4" presStyleCnt="9"/>
      <dgm:spPr/>
    </dgm:pt>
    <dgm:pt modelId="{B7E099AC-2BC6-44CB-8B75-6279FF84CE54}" type="pres">
      <dgm:prSet presAssocID="{1B7EED14-DD1F-4AA0-8C1E-40065C31C676}" presName="node" presStyleLbl="node1" presStyleIdx="4" presStyleCnt="9">
        <dgm:presLayoutVars>
          <dgm:bulletEnabled val="1"/>
        </dgm:presLayoutVars>
      </dgm:prSet>
      <dgm:spPr/>
    </dgm:pt>
    <dgm:pt modelId="{2B933CB1-7B9A-44B4-ABC7-A70A3EDE737D}" type="pres">
      <dgm:prSet presAssocID="{D3BC7AEA-D62B-4FF8-984E-34A1A1F842D0}" presName="parTrans" presStyleLbl="bgSibTrans2D1" presStyleIdx="5" presStyleCnt="9"/>
      <dgm:spPr/>
    </dgm:pt>
    <dgm:pt modelId="{A84EC98C-E214-4E1A-8680-224D4B638A1F}" type="pres">
      <dgm:prSet presAssocID="{D2260E52-DDAE-440F-BB5D-BF630AE4821D}" presName="node" presStyleLbl="node1" presStyleIdx="5" presStyleCnt="9">
        <dgm:presLayoutVars>
          <dgm:bulletEnabled val="1"/>
        </dgm:presLayoutVars>
      </dgm:prSet>
      <dgm:spPr/>
    </dgm:pt>
    <dgm:pt modelId="{1AA61B0E-9BC7-4FC4-AA70-CDB3E63E3C13}" type="pres">
      <dgm:prSet presAssocID="{5B3CB025-B475-41B4-8BE2-A54BE27C2E60}" presName="parTrans" presStyleLbl="bgSibTrans2D1" presStyleIdx="6" presStyleCnt="9"/>
      <dgm:spPr/>
    </dgm:pt>
    <dgm:pt modelId="{6B87873A-FAAB-4BD8-942E-3A37991CB3ED}" type="pres">
      <dgm:prSet presAssocID="{E878A2C6-1C9C-43A7-910D-12404AF2A0A3}" presName="node" presStyleLbl="node1" presStyleIdx="6" presStyleCnt="9">
        <dgm:presLayoutVars>
          <dgm:bulletEnabled val="1"/>
        </dgm:presLayoutVars>
      </dgm:prSet>
      <dgm:spPr/>
    </dgm:pt>
    <dgm:pt modelId="{692340EB-9F57-4476-863F-827CCA3284A9}" type="pres">
      <dgm:prSet presAssocID="{65CC105D-00C4-4DAF-BFD7-536BBE951C27}" presName="parTrans" presStyleLbl="bgSibTrans2D1" presStyleIdx="7" presStyleCnt="9"/>
      <dgm:spPr/>
    </dgm:pt>
    <dgm:pt modelId="{06049927-BC8F-4554-B321-E31D0020C12A}" type="pres">
      <dgm:prSet presAssocID="{DF7ED462-7C4D-44B1-876F-E11FF891DEBA}" presName="node" presStyleLbl="node1" presStyleIdx="7" presStyleCnt="9">
        <dgm:presLayoutVars>
          <dgm:bulletEnabled val="1"/>
        </dgm:presLayoutVars>
      </dgm:prSet>
      <dgm:spPr/>
    </dgm:pt>
    <dgm:pt modelId="{1881CE8C-BC11-4228-9FA7-6F7000ECA4A9}" type="pres">
      <dgm:prSet presAssocID="{D019D8CB-5FD2-427F-8F88-B3CAE14BDF03}" presName="parTrans" presStyleLbl="bgSibTrans2D1" presStyleIdx="8" presStyleCnt="9"/>
      <dgm:spPr/>
    </dgm:pt>
    <dgm:pt modelId="{E47E4965-DEA0-43C6-8B01-88DB05DD63D0}" type="pres">
      <dgm:prSet presAssocID="{E10DA03F-9837-4E46-B15A-12339D8754A2}" presName="node" presStyleLbl="node1" presStyleIdx="8" presStyleCnt="9">
        <dgm:presLayoutVars>
          <dgm:bulletEnabled val="1"/>
        </dgm:presLayoutVars>
      </dgm:prSet>
      <dgm:spPr/>
    </dgm:pt>
  </dgm:ptLst>
  <dgm:cxnLst>
    <dgm:cxn modelId="{DD70FC11-3CE1-449E-8DD9-990D1B95DB95}" srcId="{CA229ABB-6AE2-4231-AB9C-79140C250910}" destId="{1B7EED14-DD1F-4AA0-8C1E-40065C31C676}" srcOrd="4" destOrd="0" parTransId="{B5966880-1BAF-4759-9837-F8DBB6BB5B3D}" sibTransId="{FDFCE3F8-C609-4013-A1A8-87D5CFCAA8B2}"/>
    <dgm:cxn modelId="{2F11AA16-C919-4B0B-82CF-0692B9A64754}" type="presOf" srcId="{1B7EED14-DD1F-4AA0-8C1E-40065C31C676}" destId="{B7E099AC-2BC6-44CB-8B75-6279FF84CE54}" srcOrd="0" destOrd="0" presId="urn:microsoft.com/office/officeart/2005/8/layout/radial4"/>
    <dgm:cxn modelId="{75809E1D-4742-4AAD-96E7-69A21066952D}" srcId="{CA229ABB-6AE2-4231-AB9C-79140C250910}" destId="{D2260E52-DDAE-440F-BB5D-BF630AE4821D}" srcOrd="5" destOrd="0" parTransId="{D3BC7AEA-D62B-4FF8-984E-34A1A1F842D0}" sibTransId="{AD794B3A-C725-45EC-AF7F-8830CDE847B1}"/>
    <dgm:cxn modelId="{FDB3512D-48F3-4288-ACE2-733086865475}" srcId="{CA229ABB-6AE2-4231-AB9C-79140C250910}" destId="{E71E3135-064D-462B-AE17-B5B645C4B434}" srcOrd="0" destOrd="0" parTransId="{8314E38B-393D-44A0-9B1F-6F7BA1B90BE8}" sibTransId="{CDBECF6C-F1F7-46D0-9941-05D59093CA3A}"/>
    <dgm:cxn modelId="{DB440F31-38DF-455B-B19C-0DDC722BE844}" type="presOf" srcId="{CA229ABB-6AE2-4231-AB9C-79140C250910}" destId="{7F6A5EDD-A51C-42A9-A90F-0AF8FF987BDD}" srcOrd="0" destOrd="0" presId="urn:microsoft.com/office/officeart/2005/8/layout/radial4"/>
    <dgm:cxn modelId="{4A2AC638-F2DB-4356-AA2D-9B3D7B57F5A2}" srcId="{CA229ABB-6AE2-4231-AB9C-79140C250910}" destId="{DF7ED462-7C4D-44B1-876F-E11FF891DEBA}" srcOrd="7" destOrd="0" parTransId="{65CC105D-00C4-4DAF-BFD7-536BBE951C27}" sibTransId="{4E4CAD7E-A53A-4F26-AAF0-8D2FBDB5786E}"/>
    <dgm:cxn modelId="{49E25E3D-2F40-4807-A4A7-62CAAA93EB2E}" type="presOf" srcId="{65CC105D-00C4-4DAF-BFD7-536BBE951C27}" destId="{692340EB-9F57-4476-863F-827CCA3284A9}" srcOrd="0" destOrd="0" presId="urn:microsoft.com/office/officeart/2005/8/layout/radial4"/>
    <dgm:cxn modelId="{FFE5A25F-E89C-4E70-BFA1-E89DABAFC31B}" srcId="{8E3E94BA-D697-405F-A318-EA03B71043F2}" destId="{83C52143-4C05-4E0C-A655-F16D22E7C951}" srcOrd="1" destOrd="0" parTransId="{70575B4F-0AC4-4591-A8B3-9BB0A46D53F8}" sibTransId="{D3C6D4F1-FD05-4068-A3A8-4B429E0501DA}"/>
    <dgm:cxn modelId="{CAA3E061-3FFA-4BF6-A9FF-BCC17890FB78}" type="presOf" srcId="{8E3E94BA-D697-405F-A318-EA03B71043F2}" destId="{872DF698-410E-4CC9-8C1B-E6AFD1A2A661}" srcOrd="0" destOrd="0" presId="urn:microsoft.com/office/officeart/2005/8/layout/radial4"/>
    <dgm:cxn modelId="{FC5C4163-21D7-41B6-A15D-49C6C0A5E928}" type="presOf" srcId="{E71E3135-064D-462B-AE17-B5B645C4B434}" destId="{686F645D-3221-4AED-A5B5-C40C09203A41}" srcOrd="0" destOrd="0" presId="urn:microsoft.com/office/officeart/2005/8/layout/radial4"/>
    <dgm:cxn modelId="{1F552A47-627B-438C-B749-73F180939973}" srcId="{CA229ABB-6AE2-4231-AB9C-79140C250910}" destId="{E878A2C6-1C9C-43A7-910D-12404AF2A0A3}" srcOrd="6" destOrd="0" parTransId="{5B3CB025-B475-41B4-8BE2-A54BE27C2E60}" sibTransId="{1D5315A5-8888-4DAB-A0BC-DC6F81C3968E}"/>
    <dgm:cxn modelId="{BF043051-C742-4B0B-99FB-39D93E21C84F}" srcId="{CA229ABB-6AE2-4231-AB9C-79140C250910}" destId="{0DBBD028-3DA7-4AAC-BC94-C22694165B64}" srcOrd="3" destOrd="0" parTransId="{13E0A689-F716-4E3E-BA14-DFB80AD8AECF}" sibTransId="{3F2E1B6E-A0D4-4EB8-8B09-9FE756DC2A28}"/>
    <dgm:cxn modelId="{0E6E4974-9B5F-4ECB-9594-DDAB9C9D0EFB}" type="presOf" srcId="{DF7ED462-7C4D-44B1-876F-E11FF891DEBA}" destId="{06049927-BC8F-4554-B321-E31D0020C12A}" srcOrd="0" destOrd="0" presId="urn:microsoft.com/office/officeart/2005/8/layout/radial4"/>
    <dgm:cxn modelId="{7BBC577D-D048-4E69-A90C-B5345A157383}" type="presOf" srcId="{5B3CB025-B475-41B4-8BE2-A54BE27C2E60}" destId="{1AA61B0E-9BC7-4FC4-AA70-CDB3E63E3C13}" srcOrd="0" destOrd="0" presId="urn:microsoft.com/office/officeart/2005/8/layout/radial4"/>
    <dgm:cxn modelId="{AD194687-7E66-463E-BEDC-7778ED7AFBCD}" type="presOf" srcId="{B2D04BE8-32DB-47CB-A443-33BB2978CA7B}" destId="{464D594D-242C-463E-B32E-1053E8E227D6}" srcOrd="0" destOrd="0" presId="urn:microsoft.com/office/officeart/2005/8/layout/radial4"/>
    <dgm:cxn modelId="{41000C8A-155D-4C5C-9285-80EE379DD37D}" type="presOf" srcId="{8D242984-4D20-4420-8AB5-2CC1B1869FD0}" destId="{4F893C72-34C1-42AA-8331-37B665C2F9B2}" srcOrd="0" destOrd="0" presId="urn:microsoft.com/office/officeart/2005/8/layout/radial4"/>
    <dgm:cxn modelId="{08B4518A-8721-4A39-8643-12E43534BE6B}" type="presOf" srcId="{0DBBD028-3DA7-4AAC-BC94-C22694165B64}" destId="{CB7D79E4-17BA-40DA-9984-4206026BEABB}" srcOrd="0" destOrd="0" presId="urn:microsoft.com/office/officeart/2005/8/layout/radial4"/>
    <dgm:cxn modelId="{27E39291-C793-4AE5-934B-69E2CDFB7631}" type="presOf" srcId="{E10DA03F-9837-4E46-B15A-12339D8754A2}" destId="{E47E4965-DEA0-43C6-8B01-88DB05DD63D0}" srcOrd="0" destOrd="0" presId="urn:microsoft.com/office/officeart/2005/8/layout/radial4"/>
    <dgm:cxn modelId="{E1EA7A9F-6295-48AF-986A-0DBA3AD43674}" srcId="{CA229ABB-6AE2-4231-AB9C-79140C250910}" destId="{E10DA03F-9837-4E46-B15A-12339D8754A2}" srcOrd="8" destOrd="0" parTransId="{D019D8CB-5FD2-427F-8F88-B3CAE14BDF03}" sibTransId="{7C6DBF48-2D8E-41EF-9FE5-9256225E8043}"/>
    <dgm:cxn modelId="{9A3AD7A6-F09F-4595-BA16-B49EB87E11F9}" type="presOf" srcId="{E878A2C6-1C9C-43A7-910D-12404AF2A0A3}" destId="{6B87873A-FAAB-4BD8-942E-3A37991CB3ED}" srcOrd="0" destOrd="0" presId="urn:microsoft.com/office/officeart/2005/8/layout/radial4"/>
    <dgm:cxn modelId="{8A5930AB-37B2-4FA6-9F88-D7AA87750574}" type="presOf" srcId="{D2260E52-DDAE-440F-BB5D-BF630AE4821D}" destId="{A84EC98C-E214-4E1A-8680-224D4B638A1F}" srcOrd="0" destOrd="0" presId="urn:microsoft.com/office/officeart/2005/8/layout/radial4"/>
    <dgm:cxn modelId="{ABD00BBD-B3BC-470C-A817-9BEC31CEE1E0}" type="presOf" srcId="{13E0A689-F716-4E3E-BA14-DFB80AD8AECF}" destId="{0AB9F6B9-2E7A-4328-AF7E-AAD1DA9ECC16}" srcOrd="0" destOrd="0" presId="urn:microsoft.com/office/officeart/2005/8/layout/radial4"/>
    <dgm:cxn modelId="{CB5878CD-3BB9-4A37-9918-BBC37E054887}" srcId="{CA229ABB-6AE2-4231-AB9C-79140C250910}" destId="{8D242984-4D20-4420-8AB5-2CC1B1869FD0}" srcOrd="1" destOrd="0" parTransId="{B2D04BE8-32DB-47CB-A443-33BB2978CA7B}" sibTransId="{746899AA-5F6C-4DA0-B14E-63AADA8C6976}"/>
    <dgm:cxn modelId="{AB267CCE-E886-47F3-88C2-27EC87AE1C39}" type="presOf" srcId="{B1CEAAE7-9C46-4A80-8663-B89798F9DF56}" destId="{E6B5C0C3-1107-4481-ADE9-C2EAAC4A4E9D}" srcOrd="0" destOrd="0" presId="urn:microsoft.com/office/officeart/2005/8/layout/radial4"/>
    <dgm:cxn modelId="{D3CEC9D0-19CE-47FD-9C39-8B37E8B59D6E}" type="presOf" srcId="{AF54C199-34F2-4576-A470-038C05F06227}" destId="{35897AB9-F50F-4154-B1CE-29D21B0F3317}" srcOrd="0" destOrd="0" presId="urn:microsoft.com/office/officeart/2005/8/layout/radial4"/>
    <dgm:cxn modelId="{0F663FD7-E8FC-44C6-A08E-D7827F1292F4}" srcId="{CA229ABB-6AE2-4231-AB9C-79140C250910}" destId="{B1CEAAE7-9C46-4A80-8663-B89798F9DF56}" srcOrd="2" destOrd="0" parTransId="{AF54C199-34F2-4576-A470-038C05F06227}" sibTransId="{31BFEC28-14D7-4CBB-B959-A8192F14428B}"/>
    <dgm:cxn modelId="{01790DD8-2D7C-4B53-AC84-EBEBA478F040}" srcId="{8E3E94BA-D697-405F-A318-EA03B71043F2}" destId="{CA229ABB-6AE2-4231-AB9C-79140C250910}" srcOrd="0" destOrd="0" parTransId="{C993DEA3-556F-4EF3-9F3C-661231386469}" sibTransId="{FBC5D5BC-2072-40AA-9AAA-02DD83863D07}"/>
    <dgm:cxn modelId="{74F579DD-541E-4CE2-806A-009178432BBE}" type="presOf" srcId="{8314E38B-393D-44A0-9B1F-6F7BA1B90BE8}" destId="{E77A35C0-00E7-44E0-B0A1-3F6AE8CFB3DF}" srcOrd="0" destOrd="0" presId="urn:microsoft.com/office/officeart/2005/8/layout/radial4"/>
    <dgm:cxn modelId="{871CBFEA-56BB-4684-8CB5-ACEE317FD6AA}" type="presOf" srcId="{D019D8CB-5FD2-427F-8F88-B3CAE14BDF03}" destId="{1881CE8C-BC11-4228-9FA7-6F7000ECA4A9}" srcOrd="0" destOrd="0" presId="urn:microsoft.com/office/officeart/2005/8/layout/radial4"/>
    <dgm:cxn modelId="{80AA10ED-9824-4CDA-BD0F-EF386DB42861}" type="presOf" srcId="{B5966880-1BAF-4759-9837-F8DBB6BB5B3D}" destId="{2C555422-FC23-4E36-8FE8-A7AD35C67F61}" srcOrd="0" destOrd="0" presId="urn:microsoft.com/office/officeart/2005/8/layout/radial4"/>
    <dgm:cxn modelId="{A6DCF0FC-9D85-436B-9DE8-F77FF1BD9CCF}" type="presOf" srcId="{D3BC7AEA-D62B-4FF8-984E-34A1A1F842D0}" destId="{2B933CB1-7B9A-44B4-ABC7-A70A3EDE737D}" srcOrd="0" destOrd="0" presId="urn:microsoft.com/office/officeart/2005/8/layout/radial4"/>
    <dgm:cxn modelId="{A36940C2-7E31-48FE-83E8-46E9956AEC70}" type="presParOf" srcId="{872DF698-410E-4CC9-8C1B-E6AFD1A2A661}" destId="{7F6A5EDD-A51C-42A9-A90F-0AF8FF987BDD}" srcOrd="0" destOrd="0" presId="urn:microsoft.com/office/officeart/2005/8/layout/radial4"/>
    <dgm:cxn modelId="{365A4352-29A7-4B4C-988C-1AC9268398C9}" type="presParOf" srcId="{872DF698-410E-4CC9-8C1B-E6AFD1A2A661}" destId="{E77A35C0-00E7-44E0-B0A1-3F6AE8CFB3DF}" srcOrd="1" destOrd="0" presId="urn:microsoft.com/office/officeart/2005/8/layout/radial4"/>
    <dgm:cxn modelId="{59671672-5229-4AC9-B62A-161F847C8AB6}" type="presParOf" srcId="{872DF698-410E-4CC9-8C1B-E6AFD1A2A661}" destId="{686F645D-3221-4AED-A5B5-C40C09203A41}" srcOrd="2" destOrd="0" presId="urn:microsoft.com/office/officeart/2005/8/layout/radial4"/>
    <dgm:cxn modelId="{0A76ACA0-D5EE-4767-B6FD-6E6CE64E1983}" type="presParOf" srcId="{872DF698-410E-4CC9-8C1B-E6AFD1A2A661}" destId="{464D594D-242C-463E-B32E-1053E8E227D6}" srcOrd="3" destOrd="0" presId="urn:microsoft.com/office/officeart/2005/8/layout/radial4"/>
    <dgm:cxn modelId="{A4FFC25D-8CDD-4312-8990-91576E7FF552}" type="presParOf" srcId="{872DF698-410E-4CC9-8C1B-E6AFD1A2A661}" destId="{4F893C72-34C1-42AA-8331-37B665C2F9B2}" srcOrd="4" destOrd="0" presId="urn:microsoft.com/office/officeart/2005/8/layout/radial4"/>
    <dgm:cxn modelId="{5F4601C8-0C5F-4E21-8419-53A067A3C4B7}" type="presParOf" srcId="{872DF698-410E-4CC9-8C1B-E6AFD1A2A661}" destId="{35897AB9-F50F-4154-B1CE-29D21B0F3317}" srcOrd="5" destOrd="0" presId="urn:microsoft.com/office/officeart/2005/8/layout/radial4"/>
    <dgm:cxn modelId="{C63FFD64-896D-4BB1-B424-EAF85BDB2241}" type="presParOf" srcId="{872DF698-410E-4CC9-8C1B-E6AFD1A2A661}" destId="{E6B5C0C3-1107-4481-ADE9-C2EAAC4A4E9D}" srcOrd="6" destOrd="0" presId="urn:microsoft.com/office/officeart/2005/8/layout/radial4"/>
    <dgm:cxn modelId="{AFAB5F47-53CE-46FF-A82A-65FDB65E83A6}" type="presParOf" srcId="{872DF698-410E-4CC9-8C1B-E6AFD1A2A661}" destId="{0AB9F6B9-2E7A-4328-AF7E-AAD1DA9ECC16}" srcOrd="7" destOrd="0" presId="urn:microsoft.com/office/officeart/2005/8/layout/radial4"/>
    <dgm:cxn modelId="{6A3867A5-F7F6-4C54-BCAB-42D4A7362775}" type="presParOf" srcId="{872DF698-410E-4CC9-8C1B-E6AFD1A2A661}" destId="{CB7D79E4-17BA-40DA-9984-4206026BEABB}" srcOrd="8" destOrd="0" presId="urn:microsoft.com/office/officeart/2005/8/layout/radial4"/>
    <dgm:cxn modelId="{ECC17E47-4CB0-49F6-8CE1-9A963A1D0069}" type="presParOf" srcId="{872DF698-410E-4CC9-8C1B-E6AFD1A2A661}" destId="{2C555422-FC23-4E36-8FE8-A7AD35C67F61}" srcOrd="9" destOrd="0" presId="urn:microsoft.com/office/officeart/2005/8/layout/radial4"/>
    <dgm:cxn modelId="{6D73EBF6-9708-43DC-9E7D-3701245174C0}" type="presParOf" srcId="{872DF698-410E-4CC9-8C1B-E6AFD1A2A661}" destId="{B7E099AC-2BC6-44CB-8B75-6279FF84CE54}" srcOrd="10" destOrd="0" presId="urn:microsoft.com/office/officeart/2005/8/layout/radial4"/>
    <dgm:cxn modelId="{CB3C882E-D17E-4BA7-90CC-DD05E66BDF41}" type="presParOf" srcId="{872DF698-410E-4CC9-8C1B-E6AFD1A2A661}" destId="{2B933CB1-7B9A-44B4-ABC7-A70A3EDE737D}" srcOrd="11" destOrd="0" presId="urn:microsoft.com/office/officeart/2005/8/layout/radial4"/>
    <dgm:cxn modelId="{8547B914-D89D-40F9-BF35-096D57F091FE}" type="presParOf" srcId="{872DF698-410E-4CC9-8C1B-E6AFD1A2A661}" destId="{A84EC98C-E214-4E1A-8680-224D4B638A1F}" srcOrd="12" destOrd="0" presId="urn:microsoft.com/office/officeart/2005/8/layout/radial4"/>
    <dgm:cxn modelId="{78E82DED-D9CC-4FCF-B1BB-D0487D522C8E}" type="presParOf" srcId="{872DF698-410E-4CC9-8C1B-E6AFD1A2A661}" destId="{1AA61B0E-9BC7-4FC4-AA70-CDB3E63E3C13}" srcOrd="13" destOrd="0" presId="urn:microsoft.com/office/officeart/2005/8/layout/radial4"/>
    <dgm:cxn modelId="{1C4CD49F-DE60-4329-8C17-A45782E5698B}" type="presParOf" srcId="{872DF698-410E-4CC9-8C1B-E6AFD1A2A661}" destId="{6B87873A-FAAB-4BD8-942E-3A37991CB3ED}" srcOrd="14" destOrd="0" presId="urn:microsoft.com/office/officeart/2005/8/layout/radial4"/>
    <dgm:cxn modelId="{989EAA70-3D18-4A32-8554-B880308929F2}" type="presParOf" srcId="{872DF698-410E-4CC9-8C1B-E6AFD1A2A661}" destId="{692340EB-9F57-4476-863F-827CCA3284A9}" srcOrd="15" destOrd="0" presId="urn:microsoft.com/office/officeart/2005/8/layout/radial4"/>
    <dgm:cxn modelId="{D1A616E4-D4CB-4543-8892-3D0A52CC570A}" type="presParOf" srcId="{872DF698-410E-4CC9-8C1B-E6AFD1A2A661}" destId="{06049927-BC8F-4554-B321-E31D0020C12A}" srcOrd="16" destOrd="0" presId="urn:microsoft.com/office/officeart/2005/8/layout/radial4"/>
    <dgm:cxn modelId="{6702CE77-9CCB-4A42-9E3D-F20A4DF9D38E}" type="presParOf" srcId="{872DF698-410E-4CC9-8C1B-E6AFD1A2A661}" destId="{1881CE8C-BC11-4228-9FA7-6F7000ECA4A9}" srcOrd="17" destOrd="0" presId="urn:microsoft.com/office/officeart/2005/8/layout/radial4"/>
    <dgm:cxn modelId="{D1CFF81E-047B-49A9-A6C5-227EFEE7B788}" type="presParOf" srcId="{872DF698-410E-4CC9-8C1B-E6AFD1A2A661}" destId="{E47E4965-DEA0-43C6-8B01-88DB05DD63D0}" srcOrd="18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03AED84-9FA6-4AFE-B7E0-877B141E7607}" type="doc">
      <dgm:prSet loTypeId="urn:microsoft.com/office/officeart/2005/8/layout/StepDownProcess" loCatId="process" qsTypeId="urn:microsoft.com/office/officeart/2005/8/quickstyle/simple1" qsCatId="simple" csTypeId="urn:microsoft.com/office/officeart/2005/8/colors/colorful4" csCatId="colorful" phldr="1"/>
      <dgm:spPr/>
    </dgm:pt>
    <dgm:pt modelId="{24C30CDA-2A00-434B-B82F-EDE70970729B}">
      <dgm:prSet phldrT="[Text]" custT="1"/>
      <dgm:spPr>
        <a:solidFill>
          <a:schemeClr val="accent6">
            <a:lumMod val="60000"/>
            <a:lumOff val="40000"/>
          </a:schemeClr>
        </a:solidFill>
      </dgm:spPr>
      <dgm:t>
        <a:bodyPr/>
        <a:lstStyle/>
        <a:p>
          <a:r>
            <a:rPr lang="en-US" sz="1400" b="1">
              <a:solidFill>
                <a:schemeClr val="tx1"/>
              </a:solidFill>
            </a:rPr>
            <a:t>Testing Calendar</a:t>
          </a:r>
        </a:p>
        <a:p>
          <a:r>
            <a:rPr lang="en-US" sz="1400" b="1">
              <a:solidFill>
                <a:schemeClr val="tx1"/>
              </a:solidFill>
            </a:rPr>
            <a:t>(Graduation, Retest, End of Year Activities, Close of school)</a:t>
          </a:r>
        </a:p>
      </dgm:t>
    </dgm:pt>
    <dgm:pt modelId="{CD25BF60-9D79-4114-B8E2-7A4288F09D80}" type="parTrans" cxnId="{A434D498-E80B-45FB-B994-339BDAF9FE67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4B654640-3F32-48E6-9B4F-5C4C4CA8558C}" type="sibTrans" cxnId="{A434D498-E80B-45FB-B994-339BDAF9FE67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5B14711A-CAE2-4675-8B6D-3202C7AA8736}">
      <dgm:prSet phldrT="[Text]" custT="1"/>
      <dgm:spPr/>
      <dgm:t>
        <a:bodyPr/>
        <a:lstStyle/>
        <a:p>
          <a:r>
            <a:rPr lang="en-US" sz="1600" b="1">
              <a:solidFill>
                <a:schemeClr val="tx1"/>
              </a:solidFill>
            </a:rPr>
            <a:t>Training – District and School Level</a:t>
          </a:r>
          <a:endParaRPr lang="en-US" sz="1050" b="1">
            <a:solidFill>
              <a:schemeClr val="tx1"/>
            </a:solidFill>
          </a:endParaRPr>
        </a:p>
      </dgm:t>
    </dgm:pt>
    <dgm:pt modelId="{73DFB4B8-C0BA-4A69-BA0F-33B11CF8234C}" type="parTrans" cxnId="{55980B78-2A71-460C-9F6F-C52C572E112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BFF9E515-889C-410F-9D6C-5D90C0738A21}" type="sibTrans" cxnId="{55980B78-2A71-460C-9F6F-C52C572E112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79774DEA-6B96-4454-B561-AA648B74DC6C}">
      <dgm:prSet phldrT="[Text]" custT="1"/>
      <dgm:spPr/>
      <dgm:t>
        <a:bodyPr/>
        <a:lstStyle/>
        <a:p>
          <a:r>
            <a:rPr lang="en-US" sz="1400" b="1">
              <a:solidFill>
                <a:schemeClr val="tx1"/>
              </a:solidFill>
            </a:rPr>
            <a:t>Communications with schools, parents, staff</a:t>
          </a:r>
        </a:p>
      </dgm:t>
    </dgm:pt>
    <dgm:pt modelId="{003E926A-0C45-427B-827B-975C0BCCB13F}" type="parTrans" cxnId="{3E0638DC-B676-4709-ABE9-1C702FE1545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731CFAC2-ACE4-4433-8835-C5D93D83885A}" type="sibTrans" cxnId="{3E0638DC-B676-4709-ABE9-1C702FE15455}">
      <dgm:prSet/>
      <dgm:spPr/>
      <dgm:t>
        <a:bodyPr/>
        <a:lstStyle/>
        <a:p>
          <a:endParaRPr lang="en-US">
            <a:solidFill>
              <a:schemeClr val="tx1"/>
            </a:solidFill>
          </a:endParaRPr>
        </a:p>
      </dgm:t>
    </dgm:pt>
    <dgm:pt modelId="{617CEFF5-7B18-42DD-9DFC-4D5CF086CEF3}">
      <dgm:prSet phldrT="[Text]" custT="1"/>
      <dgm:spPr/>
      <dgm:t>
        <a:bodyPr/>
        <a:lstStyle/>
        <a:p>
          <a:r>
            <a:rPr lang="en-US" sz="1600" b="1">
              <a:solidFill>
                <a:schemeClr val="tx1"/>
              </a:solidFill>
            </a:rPr>
            <a:t>Assessment Reports</a:t>
          </a:r>
        </a:p>
      </dgm:t>
    </dgm:pt>
    <dgm:pt modelId="{BDA4AA02-F970-4CBC-867D-6FF47C4E195D}" type="parTrans" cxnId="{530AB8F0-A66E-40D2-962A-E04B5E83F2ED}">
      <dgm:prSet/>
      <dgm:spPr/>
      <dgm:t>
        <a:bodyPr/>
        <a:lstStyle/>
        <a:p>
          <a:endParaRPr lang="en-US"/>
        </a:p>
      </dgm:t>
    </dgm:pt>
    <dgm:pt modelId="{B025E34D-0A0A-4561-AE68-CBC7B75B16D9}" type="sibTrans" cxnId="{530AB8F0-A66E-40D2-962A-E04B5E83F2ED}">
      <dgm:prSet/>
      <dgm:spPr/>
      <dgm:t>
        <a:bodyPr/>
        <a:lstStyle/>
        <a:p>
          <a:endParaRPr lang="en-US"/>
        </a:p>
      </dgm:t>
    </dgm:pt>
    <dgm:pt modelId="{64D003A6-8A63-4FDA-B9A4-83F27B880E26}">
      <dgm:prSet phldrT="[Text]" custT="1"/>
      <dgm:spPr/>
      <dgm:t>
        <a:bodyPr/>
        <a:lstStyle/>
        <a:p>
          <a:r>
            <a:rPr lang="en-US" sz="1600" b="1">
              <a:solidFill>
                <a:schemeClr val="tx1"/>
              </a:solidFill>
            </a:rPr>
            <a:t>Student Assessment</a:t>
          </a:r>
        </a:p>
      </dgm:t>
    </dgm:pt>
    <dgm:pt modelId="{64098368-48B0-482C-9CC8-700CC3D16F72}" type="parTrans" cxnId="{A80318C0-642E-4CDF-9E6A-59630081973C}">
      <dgm:prSet/>
      <dgm:spPr/>
      <dgm:t>
        <a:bodyPr/>
        <a:lstStyle/>
        <a:p>
          <a:endParaRPr lang="en-US"/>
        </a:p>
      </dgm:t>
    </dgm:pt>
    <dgm:pt modelId="{F1466DAC-D9EB-478E-93D3-D2C912569CCF}" type="sibTrans" cxnId="{A80318C0-642E-4CDF-9E6A-59630081973C}">
      <dgm:prSet/>
      <dgm:spPr/>
      <dgm:t>
        <a:bodyPr/>
        <a:lstStyle/>
        <a:p>
          <a:endParaRPr lang="en-US"/>
        </a:p>
      </dgm:t>
    </dgm:pt>
    <dgm:pt modelId="{A0E5428F-9854-4B9F-97FE-132C1DACAD66}">
      <dgm:prSet phldrT="[Text]" custT="1"/>
      <dgm:spPr/>
      <dgm:t>
        <a:bodyPr/>
        <a:lstStyle/>
        <a:p>
          <a:r>
            <a:rPr lang="en-US" sz="1600" b="1">
              <a:solidFill>
                <a:schemeClr val="tx1"/>
              </a:solidFill>
            </a:rPr>
            <a:t>Review of Technology </a:t>
          </a:r>
        </a:p>
      </dgm:t>
    </dgm:pt>
    <dgm:pt modelId="{9280A2F4-591E-4250-B294-D1AFBD39EDCC}" type="parTrans" cxnId="{432D0916-A965-4275-BA52-5C2AE80E4BA7}">
      <dgm:prSet/>
      <dgm:spPr/>
      <dgm:t>
        <a:bodyPr/>
        <a:lstStyle/>
        <a:p>
          <a:endParaRPr lang="en-US"/>
        </a:p>
      </dgm:t>
    </dgm:pt>
    <dgm:pt modelId="{C56629A8-B272-4F7F-B413-40B882635D0A}" type="sibTrans" cxnId="{432D0916-A965-4275-BA52-5C2AE80E4BA7}">
      <dgm:prSet/>
      <dgm:spPr/>
      <dgm:t>
        <a:bodyPr/>
        <a:lstStyle/>
        <a:p>
          <a:endParaRPr lang="en-US"/>
        </a:p>
      </dgm:t>
    </dgm:pt>
    <dgm:pt modelId="{76607958-7015-4C68-811C-7D631559E0C2}" type="pres">
      <dgm:prSet presAssocID="{E03AED84-9FA6-4AFE-B7E0-877B141E7607}" presName="rootnode" presStyleCnt="0">
        <dgm:presLayoutVars>
          <dgm:chMax/>
          <dgm:chPref/>
          <dgm:dir/>
          <dgm:animLvl val="lvl"/>
        </dgm:presLayoutVars>
      </dgm:prSet>
      <dgm:spPr/>
    </dgm:pt>
    <dgm:pt modelId="{9C65261E-B78B-4607-ABE3-123C014E54AB}" type="pres">
      <dgm:prSet presAssocID="{79774DEA-6B96-4454-B561-AA648B74DC6C}" presName="composite" presStyleCnt="0"/>
      <dgm:spPr/>
    </dgm:pt>
    <dgm:pt modelId="{839F4C2E-E9DF-49C1-971A-300ED534E678}" type="pres">
      <dgm:prSet presAssocID="{79774DEA-6B96-4454-B561-AA648B74DC6C}" presName="bentUpArrow1" presStyleLbl="alignImgPlace1" presStyleIdx="0" presStyleCnt="5" custLinFactX="522900" custLinFactNeighborX="600000" custLinFactNeighborY="-57854"/>
      <dgm:spPr/>
    </dgm:pt>
    <dgm:pt modelId="{F5D93D68-2C82-4927-8040-425C4F8E27F5}" type="pres">
      <dgm:prSet presAssocID="{79774DEA-6B96-4454-B561-AA648B74DC6C}" presName="ParentText" presStyleLbl="node1" presStyleIdx="0" presStyleCnt="6" custScaleX="119880">
        <dgm:presLayoutVars>
          <dgm:chMax val="1"/>
          <dgm:chPref val="1"/>
          <dgm:bulletEnabled val="1"/>
        </dgm:presLayoutVars>
      </dgm:prSet>
      <dgm:spPr/>
    </dgm:pt>
    <dgm:pt modelId="{495CC102-463D-4DD7-9B56-9E6650BF5361}" type="pres">
      <dgm:prSet presAssocID="{79774DEA-6B96-4454-B561-AA648B74DC6C}" presName="ChildText" presStyleLbl="revTx" presStyleIdx="0" presStyleCnt="5">
        <dgm:presLayoutVars>
          <dgm:chMax val="0"/>
          <dgm:chPref val="0"/>
          <dgm:bulletEnabled val="1"/>
        </dgm:presLayoutVars>
      </dgm:prSet>
      <dgm:spPr/>
    </dgm:pt>
    <dgm:pt modelId="{1D83A0D7-9614-4FED-A332-C5A2265F704C}" type="pres">
      <dgm:prSet presAssocID="{731CFAC2-ACE4-4433-8835-C5D93D83885A}" presName="sibTrans" presStyleCnt="0"/>
      <dgm:spPr/>
    </dgm:pt>
    <dgm:pt modelId="{D99211C7-4E91-4991-9E5C-F22AE0E363BB}" type="pres">
      <dgm:prSet presAssocID="{617CEFF5-7B18-42DD-9DFC-4D5CF086CEF3}" presName="composite" presStyleCnt="0"/>
      <dgm:spPr/>
    </dgm:pt>
    <dgm:pt modelId="{54876D44-D6D3-4F2F-9CBB-054163599CEF}" type="pres">
      <dgm:prSet presAssocID="{617CEFF5-7B18-42DD-9DFC-4D5CF086CEF3}" presName="bentUpArrow1" presStyleLbl="alignImgPlace1" presStyleIdx="1" presStyleCnt="5"/>
      <dgm:spPr/>
    </dgm:pt>
    <dgm:pt modelId="{455275E3-5921-482A-8EFE-02C18F40905E}" type="pres">
      <dgm:prSet presAssocID="{617CEFF5-7B18-42DD-9DFC-4D5CF086CEF3}" presName="ParentText" presStyleLbl="node1" presStyleIdx="1" presStyleCnt="6">
        <dgm:presLayoutVars>
          <dgm:chMax val="1"/>
          <dgm:chPref val="1"/>
          <dgm:bulletEnabled val="1"/>
        </dgm:presLayoutVars>
      </dgm:prSet>
      <dgm:spPr/>
    </dgm:pt>
    <dgm:pt modelId="{8824A308-3F8C-4984-94E7-09E16DB0F1C2}" type="pres">
      <dgm:prSet presAssocID="{617CEFF5-7B18-42DD-9DFC-4D5CF086CEF3}" presName="ChildText" presStyleLbl="revTx" presStyleIdx="1" presStyleCnt="5">
        <dgm:presLayoutVars>
          <dgm:chMax val="0"/>
          <dgm:chPref val="0"/>
          <dgm:bulletEnabled val="1"/>
        </dgm:presLayoutVars>
      </dgm:prSet>
      <dgm:spPr/>
    </dgm:pt>
    <dgm:pt modelId="{F2B5220D-5735-4E1B-A813-E5A591821E6C}" type="pres">
      <dgm:prSet presAssocID="{B025E34D-0A0A-4561-AE68-CBC7B75B16D9}" presName="sibTrans" presStyleCnt="0"/>
      <dgm:spPr/>
    </dgm:pt>
    <dgm:pt modelId="{055CB362-A2A6-4E77-8B32-F7BFE1B09E20}" type="pres">
      <dgm:prSet presAssocID="{64D003A6-8A63-4FDA-B9A4-83F27B880E26}" presName="composite" presStyleCnt="0"/>
      <dgm:spPr/>
    </dgm:pt>
    <dgm:pt modelId="{CE66BFB4-1849-4160-81A7-0D7CEC77C7CB}" type="pres">
      <dgm:prSet presAssocID="{64D003A6-8A63-4FDA-B9A4-83F27B880E26}" presName="bentUpArrow1" presStyleLbl="alignImgPlace1" presStyleIdx="2" presStyleCnt="5"/>
      <dgm:spPr/>
    </dgm:pt>
    <dgm:pt modelId="{CFBFD8DD-FABE-41E6-824E-C6A6BD4C3A88}" type="pres">
      <dgm:prSet presAssocID="{64D003A6-8A63-4FDA-B9A4-83F27B880E26}" presName="ParentText" presStyleLbl="node1" presStyleIdx="2" presStyleCnt="6">
        <dgm:presLayoutVars>
          <dgm:chMax val="1"/>
          <dgm:chPref val="1"/>
          <dgm:bulletEnabled val="1"/>
        </dgm:presLayoutVars>
      </dgm:prSet>
      <dgm:spPr/>
    </dgm:pt>
    <dgm:pt modelId="{3823247F-6F96-4B40-A9AE-A9EC10B020CD}" type="pres">
      <dgm:prSet presAssocID="{64D003A6-8A63-4FDA-B9A4-83F27B880E26}" presName="ChildText" presStyleLbl="revTx" presStyleIdx="2" presStyleCnt="5">
        <dgm:presLayoutVars>
          <dgm:chMax val="0"/>
          <dgm:chPref val="0"/>
          <dgm:bulletEnabled val="1"/>
        </dgm:presLayoutVars>
      </dgm:prSet>
      <dgm:spPr/>
    </dgm:pt>
    <dgm:pt modelId="{69FD2F9A-D8B7-4CCB-8231-B84142FDDD6B}" type="pres">
      <dgm:prSet presAssocID="{F1466DAC-D9EB-478E-93D3-D2C912569CCF}" presName="sibTrans" presStyleCnt="0"/>
      <dgm:spPr/>
    </dgm:pt>
    <dgm:pt modelId="{4044CDCA-6679-4916-9B75-D99222CE1FB5}" type="pres">
      <dgm:prSet presAssocID="{5B14711A-CAE2-4675-8B6D-3202C7AA8736}" presName="composite" presStyleCnt="0"/>
      <dgm:spPr/>
    </dgm:pt>
    <dgm:pt modelId="{728E6F76-2057-444C-9811-B30782922D9D}" type="pres">
      <dgm:prSet presAssocID="{5B14711A-CAE2-4675-8B6D-3202C7AA8736}" presName="bentUpArrow1" presStyleLbl="alignImgPlace1" presStyleIdx="3" presStyleCnt="5" custLinFactX="400000" custLinFactY="-100000" custLinFactNeighborX="490856" custLinFactNeighborY="-122586"/>
      <dgm:spPr/>
    </dgm:pt>
    <dgm:pt modelId="{59B37BBB-C4D4-4A0A-894A-33B6531BE063}" type="pres">
      <dgm:prSet presAssocID="{5B14711A-CAE2-4675-8B6D-3202C7AA8736}" presName="ParentText" presStyleLbl="node1" presStyleIdx="3" presStyleCnt="6">
        <dgm:presLayoutVars>
          <dgm:chMax val="1"/>
          <dgm:chPref val="1"/>
          <dgm:bulletEnabled val="1"/>
        </dgm:presLayoutVars>
      </dgm:prSet>
      <dgm:spPr/>
    </dgm:pt>
    <dgm:pt modelId="{DD5EA879-018B-4D03-95CC-3958D53DC84A}" type="pres">
      <dgm:prSet presAssocID="{5B14711A-CAE2-4675-8B6D-3202C7AA8736}" presName="ChildText" presStyleLbl="revTx" presStyleIdx="3" presStyleCnt="5">
        <dgm:presLayoutVars>
          <dgm:chMax val="0"/>
          <dgm:chPref val="0"/>
          <dgm:bulletEnabled val="1"/>
        </dgm:presLayoutVars>
      </dgm:prSet>
      <dgm:spPr/>
    </dgm:pt>
    <dgm:pt modelId="{5AEFFB9D-EEDC-4685-8AD6-121F4CC02874}" type="pres">
      <dgm:prSet presAssocID="{BFF9E515-889C-410F-9D6C-5D90C0738A21}" presName="sibTrans" presStyleCnt="0"/>
      <dgm:spPr/>
    </dgm:pt>
    <dgm:pt modelId="{E0317345-F3B1-485B-A0D6-4D744E42EC23}" type="pres">
      <dgm:prSet presAssocID="{A0E5428F-9854-4B9F-97FE-132C1DACAD66}" presName="composite" presStyleCnt="0"/>
      <dgm:spPr/>
    </dgm:pt>
    <dgm:pt modelId="{4BFBD542-3066-47CF-A662-C82175A0E84F}" type="pres">
      <dgm:prSet presAssocID="{A0E5428F-9854-4B9F-97FE-132C1DACAD66}" presName="bentUpArrow1" presStyleLbl="alignImgPlace1" presStyleIdx="4" presStyleCnt="5"/>
      <dgm:spPr/>
    </dgm:pt>
    <dgm:pt modelId="{001717C3-DBAE-4FAA-BEED-CFD2DE482D86}" type="pres">
      <dgm:prSet presAssocID="{A0E5428F-9854-4B9F-97FE-132C1DACAD66}" presName="ParentText" presStyleLbl="node1" presStyleIdx="4" presStyleCnt="6">
        <dgm:presLayoutVars>
          <dgm:chMax val="1"/>
          <dgm:chPref val="1"/>
          <dgm:bulletEnabled val="1"/>
        </dgm:presLayoutVars>
      </dgm:prSet>
      <dgm:spPr/>
    </dgm:pt>
    <dgm:pt modelId="{6FBF86CA-8130-4152-8F4D-809BD033EAD5}" type="pres">
      <dgm:prSet presAssocID="{A0E5428F-9854-4B9F-97FE-132C1DACAD66}" presName="ChildText" presStyleLbl="revTx" presStyleIdx="4" presStyleCnt="5">
        <dgm:presLayoutVars>
          <dgm:chMax val="0"/>
          <dgm:chPref val="0"/>
          <dgm:bulletEnabled val="1"/>
        </dgm:presLayoutVars>
      </dgm:prSet>
      <dgm:spPr/>
    </dgm:pt>
    <dgm:pt modelId="{8C071115-8E85-4AC4-93E4-5E06A452089D}" type="pres">
      <dgm:prSet presAssocID="{C56629A8-B272-4F7F-B413-40B882635D0A}" presName="sibTrans" presStyleCnt="0"/>
      <dgm:spPr/>
    </dgm:pt>
    <dgm:pt modelId="{B7658F69-B29B-43AD-82B1-E6274DE18080}" type="pres">
      <dgm:prSet presAssocID="{24C30CDA-2A00-434B-B82F-EDE70970729B}" presName="composite" presStyleCnt="0"/>
      <dgm:spPr/>
    </dgm:pt>
    <dgm:pt modelId="{EA75A88C-4C41-44AD-BFA7-FB3A49F916F7}" type="pres">
      <dgm:prSet presAssocID="{24C30CDA-2A00-434B-B82F-EDE70970729B}" presName="ParentText" presStyleLbl="node1" presStyleIdx="5" presStyleCnt="6" custScaleX="155284">
        <dgm:presLayoutVars>
          <dgm:chMax val="1"/>
          <dgm:chPref val="1"/>
          <dgm:bulletEnabled val="1"/>
        </dgm:presLayoutVars>
      </dgm:prSet>
      <dgm:spPr/>
    </dgm:pt>
  </dgm:ptLst>
  <dgm:cxnLst>
    <dgm:cxn modelId="{CEEEAC14-1972-4157-B7D2-8B74F4AB38F2}" type="presOf" srcId="{79774DEA-6B96-4454-B561-AA648B74DC6C}" destId="{F5D93D68-2C82-4927-8040-425C4F8E27F5}" srcOrd="0" destOrd="0" presId="urn:microsoft.com/office/officeart/2005/8/layout/StepDownProcess"/>
    <dgm:cxn modelId="{432D0916-A965-4275-BA52-5C2AE80E4BA7}" srcId="{E03AED84-9FA6-4AFE-B7E0-877B141E7607}" destId="{A0E5428F-9854-4B9F-97FE-132C1DACAD66}" srcOrd="4" destOrd="0" parTransId="{9280A2F4-591E-4250-B294-D1AFBD39EDCC}" sibTransId="{C56629A8-B272-4F7F-B413-40B882635D0A}"/>
    <dgm:cxn modelId="{CAEF7D3A-BE5A-4BCB-9605-AC4C889B4A2F}" type="presOf" srcId="{5B14711A-CAE2-4675-8B6D-3202C7AA8736}" destId="{59B37BBB-C4D4-4A0A-894A-33B6531BE063}" srcOrd="0" destOrd="0" presId="urn:microsoft.com/office/officeart/2005/8/layout/StepDownProcess"/>
    <dgm:cxn modelId="{5D616B65-3BC8-495E-A01B-CEC2C2EDE7F0}" type="presOf" srcId="{E03AED84-9FA6-4AFE-B7E0-877B141E7607}" destId="{76607958-7015-4C68-811C-7D631559E0C2}" srcOrd="0" destOrd="0" presId="urn:microsoft.com/office/officeart/2005/8/layout/StepDownProcess"/>
    <dgm:cxn modelId="{55980B78-2A71-460C-9F6F-C52C572E1125}" srcId="{E03AED84-9FA6-4AFE-B7E0-877B141E7607}" destId="{5B14711A-CAE2-4675-8B6D-3202C7AA8736}" srcOrd="3" destOrd="0" parTransId="{73DFB4B8-C0BA-4A69-BA0F-33B11CF8234C}" sibTransId="{BFF9E515-889C-410F-9D6C-5D90C0738A21}"/>
    <dgm:cxn modelId="{C800217A-2BC7-4541-BE42-E38A6D5F59A3}" type="presOf" srcId="{24C30CDA-2A00-434B-B82F-EDE70970729B}" destId="{EA75A88C-4C41-44AD-BFA7-FB3A49F916F7}" srcOrd="0" destOrd="0" presId="urn:microsoft.com/office/officeart/2005/8/layout/StepDownProcess"/>
    <dgm:cxn modelId="{F4E71C94-1AE8-4411-8D87-C54AF33D50F4}" type="presOf" srcId="{64D003A6-8A63-4FDA-B9A4-83F27B880E26}" destId="{CFBFD8DD-FABE-41E6-824E-C6A6BD4C3A88}" srcOrd="0" destOrd="0" presId="urn:microsoft.com/office/officeart/2005/8/layout/StepDownProcess"/>
    <dgm:cxn modelId="{A434D498-E80B-45FB-B994-339BDAF9FE67}" srcId="{E03AED84-9FA6-4AFE-B7E0-877B141E7607}" destId="{24C30CDA-2A00-434B-B82F-EDE70970729B}" srcOrd="5" destOrd="0" parTransId="{CD25BF60-9D79-4114-B8E2-7A4288F09D80}" sibTransId="{4B654640-3F32-48E6-9B4F-5C4C4CA8558C}"/>
    <dgm:cxn modelId="{5F0943BE-63EA-41FB-9470-AF7A3F12918A}" type="presOf" srcId="{A0E5428F-9854-4B9F-97FE-132C1DACAD66}" destId="{001717C3-DBAE-4FAA-BEED-CFD2DE482D86}" srcOrd="0" destOrd="0" presId="urn:microsoft.com/office/officeart/2005/8/layout/StepDownProcess"/>
    <dgm:cxn modelId="{A80318C0-642E-4CDF-9E6A-59630081973C}" srcId="{E03AED84-9FA6-4AFE-B7E0-877B141E7607}" destId="{64D003A6-8A63-4FDA-B9A4-83F27B880E26}" srcOrd="2" destOrd="0" parTransId="{64098368-48B0-482C-9CC8-700CC3D16F72}" sibTransId="{F1466DAC-D9EB-478E-93D3-D2C912569CCF}"/>
    <dgm:cxn modelId="{325F6EC3-48A9-4703-AC4F-DD2535561AD8}" type="presOf" srcId="{617CEFF5-7B18-42DD-9DFC-4D5CF086CEF3}" destId="{455275E3-5921-482A-8EFE-02C18F40905E}" srcOrd="0" destOrd="0" presId="urn:microsoft.com/office/officeart/2005/8/layout/StepDownProcess"/>
    <dgm:cxn modelId="{3E0638DC-B676-4709-ABE9-1C702FE15455}" srcId="{E03AED84-9FA6-4AFE-B7E0-877B141E7607}" destId="{79774DEA-6B96-4454-B561-AA648B74DC6C}" srcOrd="0" destOrd="0" parTransId="{003E926A-0C45-427B-827B-975C0BCCB13F}" sibTransId="{731CFAC2-ACE4-4433-8835-C5D93D83885A}"/>
    <dgm:cxn modelId="{530AB8F0-A66E-40D2-962A-E04B5E83F2ED}" srcId="{E03AED84-9FA6-4AFE-B7E0-877B141E7607}" destId="{617CEFF5-7B18-42DD-9DFC-4D5CF086CEF3}" srcOrd="1" destOrd="0" parTransId="{BDA4AA02-F970-4CBC-867D-6FF47C4E195D}" sibTransId="{B025E34D-0A0A-4561-AE68-CBC7B75B16D9}"/>
    <dgm:cxn modelId="{74BFF479-8C1A-47A0-9D11-A3E290DD7629}" type="presParOf" srcId="{76607958-7015-4C68-811C-7D631559E0C2}" destId="{9C65261E-B78B-4607-ABE3-123C014E54AB}" srcOrd="0" destOrd="0" presId="urn:microsoft.com/office/officeart/2005/8/layout/StepDownProcess"/>
    <dgm:cxn modelId="{B344A97B-3E3E-4946-9637-438E8BC5134E}" type="presParOf" srcId="{9C65261E-B78B-4607-ABE3-123C014E54AB}" destId="{839F4C2E-E9DF-49C1-971A-300ED534E678}" srcOrd="0" destOrd="0" presId="urn:microsoft.com/office/officeart/2005/8/layout/StepDownProcess"/>
    <dgm:cxn modelId="{F4BF3BFA-1A08-4159-B450-8A98F32233CA}" type="presParOf" srcId="{9C65261E-B78B-4607-ABE3-123C014E54AB}" destId="{F5D93D68-2C82-4927-8040-425C4F8E27F5}" srcOrd="1" destOrd="0" presId="urn:microsoft.com/office/officeart/2005/8/layout/StepDownProcess"/>
    <dgm:cxn modelId="{2F33EAEF-7566-4896-B22B-1B55D397C319}" type="presParOf" srcId="{9C65261E-B78B-4607-ABE3-123C014E54AB}" destId="{495CC102-463D-4DD7-9B56-9E6650BF5361}" srcOrd="2" destOrd="0" presId="urn:microsoft.com/office/officeart/2005/8/layout/StepDownProcess"/>
    <dgm:cxn modelId="{4DF7F1BF-DE4F-450C-9770-37882F578BDE}" type="presParOf" srcId="{76607958-7015-4C68-811C-7D631559E0C2}" destId="{1D83A0D7-9614-4FED-A332-C5A2265F704C}" srcOrd="1" destOrd="0" presId="urn:microsoft.com/office/officeart/2005/8/layout/StepDownProcess"/>
    <dgm:cxn modelId="{71EB8973-10A3-4EA2-86FD-0E44A593540C}" type="presParOf" srcId="{76607958-7015-4C68-811C-7D631559E0C2}" destId="{D99211C7-4E91-4991-9E5C-F22AE0E363BB}" srcOrd="2" destOrd="0" presId="urn:microsoft.com/office/officeart/2005/8/layout/StepDownProcess"/>
    <dgm:cxn modelId="{945D6BC9-8B64-4550-9726-4CCA6784B82D}" type="presParOf" srcId="{D99211C7-4E91-4991-9E5C-F22AE0E363BB}" destId="{54876D44-D6D3-4F2F-9CBB-054163599CEF}" srcOrd="0" destOrd="0" presId="urn:microsoft.com/office/officeart/2005/8/layout/StepDownProcess"/>
    <dgm:cxn modelId="{CC3D8920-D1D6-4584-B24C-D02DB443C789}" type="presParOf" srcId="{D99211C7-4E91-4991-9E5C-F22AE0E363BB}" destId="{455275E3-5921-482A-8EFE-02C18F40905E}" srcOrd="1" destOrd="0" presId="urn:microsoft.com/office/officeart/2005/8/layout/StepDownProcess"/>
    <dgm:cxn modelId="{ED67377E-3762-4FE1-B8EA-A95C261FCA76}" type="presParOf" srcId="{D99211C7-4E91-4991-9E5C-F22AE0E363BB}" destId="{8824A308-3F8C-4984-94E7-09E16DB0F1C2}" srcOrd="2" destOrd="0" presId="urn:microsoft.com/office/officeart/2005/8/layout/StepDownProcess"/>
    <dgm:cxn modelId="{FBD27320-3BB1-457C-9CA1-73106A66A45C}" type="presParOf" srcId="{76607958-7015-4C68-811C-7D631559E0C2}" destId="{F2B5220D-5735-4E1B-A813-E5A591821E6C}" srcOrd="3" destOrd="0" presId="urn:microsoft.com/office/officeart/2005/8/layout/StepDownProcess"/>
    <dgm:cxn modelId="{E4BACD99-F3CE-46BE-8911-B59AF94193CF}" type="presParOf" srcId="{76607958-7015-4C68-811C-7D631559E0C2}" destId="{055CB362-A2A6-4E77-8B32-F7BFE1B09E20}" srcOrd="4" destOrd="0" presId="urn:microsoft.com/office/officeart/2005/8/layout/StepDownProcess"/>
    <dgm:cxn modelId="{7C7D1D0A-F382-47FF-84C0-C160E23ADCE8}" type="presParOf" srcId="{055CB362-A2A6-4E77-8B32-F7BFE1B09E20}" destId="{CE66BFB4-1849-4160-81A7-0D7CEC77C7CB}" srcOrd="0" destOrd="0" presId="urn:microsoft.com/office/officeart/2005/8/layout/StepDownProcess"/>
    <dgm:cxn modelId="{C097E08A-2EFD-42E9-BB0B-8F8093505F64}" type="presParOf" srcId="{055CB362-A2A6-4E77-8B32-F7BFE1B09E20}" destId="{CFBFD8DD-FABE-41E6-824E-C6A6BD4C3A88}" srcOrd="1" destOrd="0" presId="urn:microsoft.com/office/officeart/2005/8/layout/StepDownProcess"/>
    <dgm:cxn modelId="{1D66A5EC-5507-4D32-9D0E-0E6BB84E9ADA}" type="presParOf" srcId="{055CB362-A2A6-4E77-8B32-F7BFE1B09E20}" destId="{3823247F-6F96-4B40-A9AE-A9EC10B020CD}" srcOrd="2" destOrd="0" presId="urn:microsoft.com/office/officeart/2005/8/layout/StepDownProcess"/>
    <dgm:cxn modelId="{174AC668-C0DB-41CA-B398-743D2C6DEBCE}" type="presParOf" srcId="{76607958-7015-4C68-811C-7D631559E0C2}" destId="{69FD2F9A-D8B7-4CCB-8231-B84142FDDD6B}" srcOrd="5" destOrd="0" presId="urn:microsoft.com/office/officeart/2005/8/layout/StepDownProcess"/>
    <dgm:cxn modelId="{66609F1B-7FBF-4B47-9600-680D717D80F9}" type="presParOf" srcId="{76607958-7015-4C68-811C-7D631559E0C2}" destId="{4044CDCA-6679-4916-9B75-D99222CE1FB5}" srcOrd="6" destOrd="0" presId="urn:microsoft.com/office/officeart/2005/8/layout/StepDownProcess"/>
    <dgm:cxn modelId="{D943A28C-5595-4C68-9394-D9F72598305D}" type="presParOf" srcId="{4044CDCA-6679-4916-9B75-D99222CE1FB5}" destId="{728E6F76-2057-444C-9811-B30782922D9D}" srcOrd="0" destOrd="0" presId="urn:microsoft.com/office/officeart/2005/8/layout/StepDownProcess"/>
    <dgm:cxn modelId="{E10A36A9-C194-44B3-8B7C-8122663C6A85}" type="presParOf" srcId="{4044CDCA-6679-4916-9B75-D99222CE1FB5}" destId="{59B37BBB-C4D4-4A0A-894A-33B6531BE063}" srcOrd="1" destOrd="0" presId="urn:microsoft.com/office/officeart/2005/8/layout/StepDownProcess"/>
    <dgm:cxn modelId="{806A3E87-B780-45C8-8C46-684D031D12C1}" type="presParOf" srcId="{4044CDCA-6679-4916-9B75-D99222CE1FB5}" destId="{DD5EA879-018B-4D03-95CC-3958D53DC84A}" srcOrd="2" destOrd="0" presId="urn:microsoft.com/office/officeart/2005/8/layout/StepDownProcess"/>
    <dgm:cxn modelId="{48060604-6822-4739-98CD-304AE0C22F2C}" type="presParOf" srcId="{76607958-7015-4C68-811C-7D631559E0C2}" destId="{5AEFFB9D-EEDC-4685-8AD6-121F4CC02874}" srcOrd="7" destOrd="0" presId="urn:microsoft.com/office/officeart/2005/8/layout/StepDownProcess"/>
    <dgm:cxn modelId="{C08041D7-E713-44EC-A6B4-A3AB66569DA1}" type="presParOf" srcId="{76607958-7015-4C68-811C-7D631559E0C2}" destId="{E0317345-F3B1-485B-A0D6-4D744E42EC23}" srcOrd="8" destOrd="0" presId="urn:microsoft.com/office/officeart/2005/8/layout/StepDownProcess"/>
    <dgm:cxn modelId="{39138B62-6149-4C63-8F14-612006C76D91}" type="presParOf" srcId="{E0317345-F3B1-485B-A0D6-4D744E42EC23}" destId="{4BFBD542-3066-47CF-A662-C82175A0E84F}" srcOrd="0" destOrd="0" presId="urn:microsoft.com/office/officeart/2005/8/layout/StepDownProcess"/>
    <dgm:cxn modelId="{8B79BC5E-3755-47B8-B70C-ED5FF4BFF6FA}" type="presParOf" srcId="{E0317345-F3B1-485B-A0D6-4D744E42EC23}" destId="{001717C3-DBAE-4FAA-BEED-CFD2DE482D86}" srcOrd="1" destOrd="0" presId="urn:microsoft.com/office/officeart/2005/8/layout/StepDownProcess"/>
    <dgm:cxn modelId="{D1EF68A8-DDBD-4F80-BCFD-036966A77E65}" type="presParOf" srcId="{E0317345-F3B1-485B-A0D6-4D744E42EC23}" destId="{6FBF86CA-8130-4152-8F4D-809BD033EAD5}" srcOrd="2" destOrd="0" presId="urn:microsoft.com/office/officeart/2005/8/layout/StepDownProcess"/>
    <dgm:cxn modelId="{9CE7A430-E600-4B8E-AC59-B304458B1FD1}" type="presParOf" srcId="{76607958-7015-4C68-811C-7D631559E0C2}" destId="{8C071115-8E85-4AC4-93E4-5E06A452089D}" srcOrd="9" destOrd="0" presId="urn:microsoft.com/office/officeart/2005/8/layout/StepDownProcess"/>
    <dgm:cxn modelId="{1BE1732A-3036-4360-8B0D-A8DD749E7774}" type="presParOf" srcId="{76607958-7015-4C68-811C-7D631559E0C2}" destId="{B7658F69-B29B-43AD-82B1-E6274DE18080}" srcOrd="10" destOrd="0" presId="urn:microsoft.com/office/officeart/2005/8/layout/StepDownProcess"/>
    <dgm:cxn modelId="{178C8B11-6C9C-4ABC-8E0A-16400A41A78D}" type="presParOf" srcId="{B7658F69-B29B-43AD-82B1-E6274DE18080}" destId="{EA75A88C-4C41-44AD-BFA7-FB3A49F916F7}" srcOrd="0" destOrd="0" presId="urn:microsoft.com/office/officeart/2005/8/layout/StepDown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8E3E94BA-D697-405F-A318-EA03B71043F2}" type="doc">
      <dgm:prSet loTypeId="urn:microsoft.com/office/officeart/2005/8/layout/radial4" loCatId="relationship" qsTypeId="urn:microsoft.com/office/officeart/2005/8/quickstyle/simple3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CA229ABB-6AE2-4231-AB9C-79140C250910}">
      <dgm:prSet phldrT="[Text]"/>
      <dgm:spPr/>
      <dgm:t>
        <a:bodyPr/>
        <a:lstStyle/>
        <a:p>
          <a:r>
            <a:rPr lang="en-US"/>
            <a:t>System Test Coordinator</a:t>
          </a:r>
        </a:p>
      </dgm:t>
    </dgm:pt>
    <dgm:pt modelId="{C993DEA3-556F-4EF3-9F3C-661231386469}" type="parTrans" cxnId="{01790DD8-2D7C-4B53-AC84-EBEBA478F040}">
      <dgm:prSet/>
      <dgm:spPr/>
      <dgm:t>
        <a:bodyPr/>
        <a:lstStyle/>
        <a:p>
          <a:endParaRPr lang="en-US"/>
        </a:p>
      </dgm:t>
    </dgm:pt>
    <dgm:pt modelId="{FBC5D5BC-2072-40AA-9AAA-02DD83863D07}" type="sibTrans" cxnId="{01790DD8-2D7C-4B53-AC84-EBEBA478F040}">
      <dgm:prSet/>
      <dgm:spPr/>
      <dgm:t>
        <a:bodyPr/>
        <a:lstStyle/>
        <a:p>
          <a:endParaRPr lang="en-US"/>
        </a:p>
      </dgm:t>
    </dgm:pt>
    <dgm:pt modelId="{E71E3135-064D-462B-AE17-B5B645C4B434}">
      <dgm:prSet phldrT="[Text]"/>
      <dgm:spPr/>
      <dgm:t>
        <a:bodyPr/>
        <a:lstStyle/>
        <a:p>
          <a:r>
            <a:rPr lang="en-US"/>
            <a:t>GKIDS – </a:t>
          </a:r>
        </a:p>
        <a:p>
          <a:r>
            <a:rPr lang="en-US"/>
            <a:t>SIS Coordinators</a:t>
          </a:r>
        </a:p>
      </dgm:t>
    </dgm:pt>
    <dgm:pt modelId="{8314E38B-393D-44A0-9B1F-6F7BA1B90BE8}" type="parTrans" cxnId="{FDB3512D-48F3-4288-ACE2-733086865475}">
      <dgm:prSet/>
      <dgm:spPr/>
      <dgm:t>
        <a:bodyPr/>
        <a:lstStyle/>
        <a:p>
          <a:endParaRPr lang="en-US"/>
        </a:p>
      </dgm:t>
    </dgm:pt>
    <dgm:pt modelId="{CDBECF6C-F1F7-46D0-9941-05D59093CA3A}" type="sibTrans" cxnId="{FDB3512D-48F3-4288-ACE2-733086865475}">
      <dgm:prSet/>
      <dgm:spPr/>
      <dgm:t>
        <a:bodyPr/>
        <a:lstStyle/>
        <a:p>
          <a:endParaRPr lang="en-US"/>
        </a:p>
      </dgm:t>
    </dgm:pt>
    <dgm:pt modelId="{8D242984-4D20-4420-8AB5-2CC1B1869FD0}">
      <dgm:prSet phldrT="[Text]"/>
      <dgm:spPr/>
      <dgm:t>
        <a:bodyPr/>
        <a:lstStyle/>
        <a:p>
          <a:r>
            <a:rPr lang="en-US"/>
            <a:t>Georgia Milestones – Technology Directors</a:t>
          </a:r>
        </a:p>
      </dgm:t>
    </dgm:pt>
    <dgm:pt modelId="{B2D04BE8-32DB-47CB-A443-33BB2978CA7B}" type="parTrans" cxnId="{CB5878CD-3BB9-4A37-9918-BBC37E054887}">
      <dgm:prSet/>
      <dgm:spPr/>
      <dgm:t>
        <a:bodyPr/>
        <a:lstStyle/>
        <a:p>
          <a:endParaRPr lang="en-US"/>
        </a:p>
      </dgm:t>
    </dgm:pt>
    <dgm:pt modelId="{746899AA-5F6C-4DA0-B14E-63AADA8C6976}" type="sibTrans" cxnId="{CB5878CD-3BB9-4A37-9918-BBC37E054887}">
      <dgm:prSet/>
      <dgm:spPr/>
      <dgm:t>
        <a:bodyPr/>
        <a:lstStyle/>
        <a:p>
          <a:endParaRPr lang="en-US"/>
        </a:p>
      </dgm:t>
    </dgm:pt>
    <dgm:pt modelId="{1B7EED14-DD1F-4AA0-8C1E-40065C31C676}">
      <dgm:prSet phldrT="[Text]"/>
      <dgm:spPr/>
      <dgm:t>
        <a:bodyPr/>
        <a:lstStyle/>
        <a:p>
          <a:r>
            <a:rPr lang="en-US"/>
            <a:t>NAEP – </a:t>
          </a:r>
        </a:p>
        <a:p>
          <a:r>
            <a:rPr lang="en-US"/>
            <a:t>Principals and School Test Coordinators</a:t>
          </a:r>
        </a:p>
      </dgm:t>
    </dgm:pt>
    <dgm:pt modelId="{B5966880-1BAF-4759-9837-F8DBB6BB5B3D}" type="parTrans" cxnId="{DD70FC11-3CE1-449E-8DD9-990D1B95DB95}">
      <dgm:prSet/>
      <dgm:spPr/>
      <dgm:t>
        <a:bodyPr/>
        <a:lstStyle/>
        <a:p>
          <a:endParaRPr lang="en-US"/>
        </a:p>
      </dgm:t>
    </dgm:pt>
    <dgm:pt modelId="{FDFCE3F8-C609-4013-A1A8-87D5CFCAA8B2}" type="sibTrans" cxnId="{DD70FC11-3CE1-449E-8DD9-990D1B95DB95}">
      <dgm:prSet/>
      <dgm:spPr/>
      <dgm:t>
        <a:bodyPr/>
        <a:lstStyle/>
        <a:p>
          <a:endParaRPr lang="en-US"/>
        </a:p>
      </dgm:t>
    </dgm:pt>
    <dgm:pt modelId="{B1CEAAE7-9C46-4A80-8663-B89798F9DF56}">
      <dgm:prSet phldrT="[Text]"/>
      <dgm:spPr/>
      <dgm:t>
        <a:bodyPr/>
        <a:lstStyle/>
        <a:p>
          <a:r>
            <a:rPr lang="en-US"/>
            <a:t>ACCESS for ELLs 2.0 – </a:t>
          </a:r>
        </a:p>
        <a:p>
          <a:r>
            <a:rPr lang="en-US"/>
            <a:t>ESOL/Title III Coordinators</a:t>
          </a:r>
        </a:p>
      </dgm:t>
    </dgm:pt>
    <dgm:pt modelId="{AF54C199-34F2-4576-A470-038C05F06227}" type="parTrans" cxnId="{0F663FD7-E8FC-44C6-A08E-D7827F1292F4}">
      <dgm:prSet/>
      <dgm:spPr/>
      <dgm:t>
        <a:bodyPr/>
        <a:lstStyle/>
        <a:p>
          <a:endParaRPr lang="en-US"/>
        </a:p>
      </dgm:t>
    </dgm:pt>
    <dgm:pt modelId="{31BFEC28-14D7-4CBB-B959-A8192F14428B}" type="sibTrans" cxnId="{0F663FD7-E8FC-44C6-A08E-D7827F1292F4}">
      <dgm:prSet/>
      <dgm:spPr/>
      <dgm:t>
        <a:bodyPr/>
        <a:lstStyle/>
        <a:p>
          <a:endParaRPr lang="en-US"/>
        </a:p>
      </dgm:t>
    </dgm:pt>
    <dgm:pt modelId="{0DBBD028-3DA7-4AAC-BC94-C22694165B64}">
      <dgm:prSet phldrT="[Text]"/>
      <dgm:spPr/>
      <dgm:t>
        <a:bodyPr/>
        <a:lstStyle/>
        <a:p>
          <a:r>
            <a:rPr lang="en-US"/>
            <a:t>GAA 2.0 – </a:t>
          </a:r>
        </a:p>
        <a:p>
          <a:r>
            <a:rPr lang="en-US"/>
            <a:t>Special Education Directors</a:t>
          </a:r>
        </a:p>
      </dgm:t>
    </dgm:pt>
    <dgm:pt modelId="{13E0A689-F716-4E3E-BA14-DFB80AD8AECF}" type="parTrans" cxnId="{BF043051-C742-4B0B-99FB-39D93E21C84F}">
      <dgm:prSet/>
      <dgm:spPr/>
      <dgm:t>
        <a:bodyPr/>
        <a:lstStyle/>
        <a:p>
          <a:endParaRPr lang="en-US"/>
        </a:p>
      </dgm:t>
    </dgm:pt>
    <dgm:pt modelId="{3F2E1B6E-A0D4-4EB8-8B09-9FE756DC2A28}" type="sibTrans" cxnId="{BF043051-C742-4B0B-99FB-39D93E21C84F}">
      <dgm:prSet/>
      <dgm:spPr/>
      <dgm:t>
        <a:bodyPr/>
        <a:lstStyle/>
        <a:p>
          <a:endParaRPr lang="en-US"/>
        </a:p>
      </dgm:t>
    </dgm:pt>
    <dgm:pt modelId="{E878A2C6-1C9C-43A7-910D-12404AF2A0A3}">
      <dgm:prSet phldrT="[Text]"/>
      <dgm:spPr/>
      <dgm:t>
        <a:bodyPr/>
        <a:lstStyle/>
        <a:p>
          <a:r>
            <a:rPr lang="en-US"/>
            <a:t>District Holidays –</a:t>
          </a:r>
        </a:p>
        <a:p>
          <a:r>
            <a:rPr lang="en-US"/>
            <a:t>School Board</a:t>
          </a:r>
        </a:p>
      </dgm:t>
    </dgm:pt>
    <dgm:pt modelId="{5B3CB025-B475-41B4-8BE2-A54BE27C2E60}" type="parTrans" cxnId="{1F552A47-627B-438C-B749-73F180939973}">
      <dgm:prSet/>
      <dgm:spPr/>
      <dgm:t>
        <a:bodyPr/>
        <a:lstStyle/>
        <a:p>
          <a:endParaRPr lang="en-US"/>
        </a:p>
      </dgm:t>
    </dgm:pt>
    <dgm:pt modelId="{1D5315A5-8888-4DAB-A0BC-DC6F81C3968E}" type="sibTrans" cxnId="{1F552A47-627B-438C-B749-73F180939973}">
      <dgm:prSet/>
      <dgm:spPr/>
      <dgm:t>
        <a:bodyPr/>
        <a:lstStyle/>
        <a:p>
          <a:endParaRPr lang="en-US"/>
        </a:p>
      </dgm:t>
    </dgm:pt>
    <dgm:pt modelId="{DF7ED462-7C4D-44B1-876F-E11FF891DEBA}">
      <dgm:prSet phldrT="[Text]"/>
      <dgm:spPr/>
      <dgm:t>
        <a:bodyPr/>
        <a:lstStyle/>
        <a:p>
          <a:r>
            <a:rPr lang="en-US"/>
            <a:t>District Benchmarks – Curriculum Directors</a:t>
          </a:r>
        </a:p>
      </dgm:t>
    </dgm:pt>
    <dgm:pt modelId="{65CC105D-00C4-4DAF-BFD7-536BBE951C27}" type="parTrans" cxnId="{4A2AC638-F2DB-4356-AA2D-9B3D7B57F5A2}">
      <dgm:prSet/>
      <dgm:spPr/>
      <dgm:t>
        <a:bodyPr/>
        <a:lstStyle/>
        <a:p>
          <a:endParaRPr lang="en-US"/>
        </a:p>
      </dgm:t>
    </dgm:pt>
    <dgm:pt modelId="{4E4CAD7E-A53A-4F26-AAF0-8D2FBDB5786E}" type="sibTrans" cxnId="{4A2AC638-F2DB-4356-AA2D-9B3D7B57F5A2}">
      <dgm:prSet/>
      <dgm:spPr/>
      <dgm:t>
        <a:bodyPr/>
        <a:lstStyle/>
        <a:p>
          <a:endParaRPr lang="en-US"/>
        </a:p>
      </dgm:t>
    </dgm:pt>
    <dgm:pt modelId="{E10DA03F-9837-4E46-B15A-12339D8754A2}">
      <dgm:prSet phldrT="[Text]"/>
      <dgm:spPr/>
      <dgm:t>
        <a:bodyPr/>
        <a:lstStyle/>
        <a:p>
          <a:r>
            <a:rPr lang="en-US"/>
            <a:t>Other Tests – ACT, AP, SAT, PSAT – Curriculum Directors</a:t>
          </a:r>
        </a:p>
      </dgm:t>
    </dgm:pt>
    <dgm:pt modelId="{D019D8CB-5FD2-427F-8F88-B3CAE14BDF03}" type="parTrans" cxnId="{E1EA7A9F-6295-48AF-986A-0DBA3AD43674}">
      <dgm:prSet/>
      <dgm:spPr/>
      <dgm:t>
        <a:bodyPr/>
        <a:lstStyle/>
        <a:p>
          <a:endParaRPr lang="en-US"/>
        </a:p>
      </dgm:t>
    </dgm:pt>
    <dgm:pt modelId="{7C6DBF48-2D8E-41EF-9FE5-9256225E8043}" type="sibTrans" cxnId="{E1EA7A9F-6295-48AF-986A-0DBA3AD43674}">
      <dgm:prSet/>
      <dgm:spPr/>
      <dgm:t>
        <a:bodyPr/>
        <a:lstStyle/>
        <a:p>
          <a:endParaRPr lang="en-US"/>
        </a:p>
      </dgm:t>
    </dgm:pt>
    <dgm:pt modelId="{0CF6D8A1-57BD-476E-BF9C-9521B93718A7}">
      <dgm:prSet phldrT="[Text]"/>
      <dgm:spPr/>
      <dgm:t>
        <a:bodyPr/>
        <a:lstStyle/>
        <a:p>
          <a:r>
            <a:rPr lang="en-US"/>
            <a:t>Keenville - </a:t>
          </a:r>
        </a:p>
        <a:p>
          <a:r>
            <a:rPr lang="en-US"/>
            <a:t>SIS Coordinator; SLDS access</a:t>
          </a:r>
          <a:endParaRPr lang="en-US" dirty="0"/>
        </a:p>
      </dgm:t>
    </dgm:pt>
    <dgm:pt modelId="{29DBF2F8-4B33-4D24-8397-0A9DF341ECAC}" type="parTrans" cxnId="{687CEADC-B670-4525-AC1C-E2356A11B2DA}">
      <dgm:prSet/>
      <dgm:spPr/>
      <dgm:t>
        <a:bodyPr/>
        <a:lstStyle/>
        <a:p>
          <a:endParaRPr lang="en-US"/>
        </a:p>
      </dgm:t>
    </dgm:pt>
    <dgm:pt modelId="{7D3181D7-D3DE-49FB-AC6C-40B733BEFC32}" type="sibTrans" cxnId="{687CEADC-B670-4525-AC1C-E2356A11B2DA}">
      <dgm:prSet/>
      <dgm:spPr/>
      <dgm:t>
        <a:bodyPr/>
        <a:lstStyle/>
        <a:p>
          <a:endParaRPr lang="en-US"/>
        </a:p>
      </dgm:t>
    </dgm:pt>
    <dgm:pt modelId="{872DF698-410E-4CC9-8C1B-E6AFD1A2A661}" type="pres">
      <dgm:prSet presAssocID="{8E3E94BA-D697-405F-A318-EA03B71043F2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7F6A5EDD-A51C-42A9-A90F-0AF8FF987BDD}" type="pres">
      <dgm:prSet presAssocID="{CA229ABB-6AE2-4231-AB9C-79140C250910}" presName="centerShape" presStyleLbl="node0" presStyleIdx="0" presStyleCnt="1"/>
      <dgm:spPr/>
    </dgm:pt>
    <dgm:pt modelId="{E77A35C0-00E7-44E0-B0A1-3F6AE8CFB3DF}" type="pres">
      <dgm:prSet presAssocID="{8314E38B-393D-44A0-9B1F-6F7BA1B90BE8}" presName="parTrans" presStyleLbl="bgSibTrans2D1" presStyleIdx="0" presStyleCnt="9"/>
      <dgm:spPr/>
    </dgm:pt>
    <dgm:pt modelId="{686F645D-3221-4AED-A5B5-C40C09203A41}" type="pres">
      <dgm:prSet presAssocID="{E71E3135-064D-462B-AE17-B5B645C4B434}" presName="node" presStyleLbl="node1" presStyleIdx="0" presStyleCnt="9">
        <dgm:presLayoutVars>
          <dgm:bulletEnabled val="1"/>
        </dgm:presLayoutVars>
      </dgm:prSet>
      <dgm:spPr/>
    </dgm:pt>
    <dgm:pt modelId="{464D594D-242C-463E-B32E-1053E8E227D6}" type="pres">
      <dgm:prSet presAssocID="{B2D04BE8-32DB-47CB-A443-33BB2978CA7B}" presName="parTrans" presStyleLbl="bgSibTrans2D1" presStyleIdx="1" presStyleCnt="9"/>
      <dgm:spPr/>
    </dgm:pt>
    <dgm:pt modelId="{4F893C72-34C1-42AA-8331-37B665C2F9B2}" type="pres">
      <dgm:prSet presAssocID="{8D242984-4D20-4420-8AB5-2CC1B1869FD0}" presName="node" presStyleLbl="node1" presStyleIdx="1" presStyleCnt="9">
        <dgm:presLayoutVars>
          <dgm:bulletEnabled val="1"/>
        </dgm:presLayoutVars>
      </dgm:prSet>
      <dgm:spPr/>
    </dgm:pt>
    <dgm:pt modelId="{35897AB9-F50F-4154-B1CE-29D21B0F3317}" type="pres">
      <dgm:prSet presAssocID="{AF54C199-34F2-4576-A470-038C05F06227}" presName="parTrans" presStyleLbl="bgSibTrans2D1" presStyleIdx="2" presStyleCnt="9"/>
      <dgm:spPr/>
    </dgm:pt>
    <dgm:pt modelId="{E6B5C0C3-1107-4481-ADE9-C2EAAC4A4E9D}" type="pres">
      <dgm:prSet presAssocID="{B1CEAAE7-9C46-4A80-8663-B89798F9DF56}" presName="node" presStyleLbl="node1" presStyleIdx="2" presStyleCnt="9">
        <dgm:presLayoutVars>
          <dgm:bulletEnabled val="1"/>
        </dgm:presLayoutVars>
      </dgm:prSet>
      <dgm:spPr/>
    </dgm:pt>
    <dgm:pt modelId="{0AB9F6B9-2E7A-4328-AF7E-AAD1DA9ECC16}" type="pres">
      <dgm:prSet presAssocID="{13E0A689-F716-4E3E-BA14-DFB80AD8AECF}" presName="parTrans" presStyleLbl="bgSibTrans2D1" presStyleIdx="3" presStyleCnt="9"/>
      <dgm:spPr/>
    </dgm:pt>
    <dgm:pt modelId="{CB7D79E4-17BA-40DA-9984-4206026BEABB}" type="pres">
      <dgm:prSet presAssocID="{0DBBD028-3DA7-4AAC-BC94-C22694165B64}" presName="node" presStyleLbl="node1" presStyleIdx="3" presStyleCnt="9">
        <dgm:presLayoutVars>
          <dgm:bulletEnabled val="1"/>
        </dgm:presLayoutVars>
      </dgm:prSet>
      <dgm:spPr/>
    </dgm:pt>
    <dgm:pt modelId="{2C555422-FC23-4E36-8FE8-A7AD35C67F61}" type="pres">
      <dgm:prSet presAssocID="{B5966880-1BAF-4759-9837-F8DBB6BB5B3D}" presName="parTrans" presStyleLbl="bgSibTrans2D1" presStyleIdx="4" presStyleCnt="9"/>
      <dgm:spPr/>
    </dgm:pt>
    <dgm:pt modelId="{B7E099AC-2BC6-44CB-8B75-6279FF84CE54}" type="pres">
      <dgm:prSet presAssocID="{1B7EED14-DD1F-4AA0-8C1E-40065C31C676}" presName="node" presStyleLbl="node1" presStyleIdx="4" presStyleCnt="9">
        <dgm:presLayoutVars>
          <dgm:bulletEnabled val="1"/>
        </dgm:presLayoutVars>
      </dgm:prSet>
      <dgm:spPr/>
    </dgm:pt>
    <dgm:pt modelId="{2C819C2B-AA88-440D-B78F-7727F99136C4}" type="pres">
      <dgm:prSet presAssocID="{29DBF2F8-4B33-4D24-8397-0A9DF341ECAC}" presName="parTrans" presStyleLbl="bgSibTrans2D1" presStyleIdx="5" presStyleCnt="9"/>
      <dgm:spPr/>
    </dgm:pt>
    <dgm:pt modelId="{C07961B7-F270-41CB-B335-2F7F0673A3A4}" type="pres">
      <dgm:prSet presAssocID="{0CF6D8A1-57BD-476E-BF9C-9521B93718A7}" presName="node" presStyleLbl="node1" presStyleIdx="5" presStyleCnt="9">
        <dgm:presLayoutVars>
          <dgm:bulletEnabled val="1"/>
        </dgm:presLayoutVars>
      </dgm:prSet>
      <dgm:spPr/>
    </dgm:pt>
    <dgm:pt modelId="{1AA61B0E-9BC7-4FC4-AA70-CDB3E63E3C13}" type="pres">
      <dgm:prSet presAssocID="{5B3CB025-B475-41B4-8BE2-A54BE27C2E60}" presName="parTrans" presStyleLbl="bgSibTrans2D1" presStyleIdx="6" presStyleCnt="9"/>
      <dgm:spPr/>
    </dgm:pt>
    <dgm:pt modelId="{6B87873A-FAAB-4BD8-942E-3A37991CB3ED}" type="pres">
      <dgm:prSet presAssocID="{E878A2C6-1C9C-43A7-910D-12404AF2A0A3}" presName="node" presStyleLbl="node1" presStyleIdx="6" presStyleCnt="9">
        <dgm:presLayoutVars>
          <dgm:bulletEnabled val="1"/>
        </dgm:presLayoutVars>
      </dgm:prSet>
      <dgm:spPr/>
    </dgm:pt>
    <dgm:pt modelId="{692340EB-9F57-4476-863F-827CCA3284A9}" type="pres">
      <dgm:prSet presAssocID="{65CC105D-00C4-4DAF-BFD7-536BBE951C27}" presName="parTrans" presStyleLbl="bgSibTrans2D1" presStyleIdx="7" presStyleCnt="9"/>
      <dgm:spPr/>
    </dgm:pt>
    <dgm:pt modelId="{06049927-BC8F-4554-B321-E31D0020C12A}" type="pres">
      <dgm:prSet presAssocID="{DF7ED462-7C4D-44B1-876F-E11FF891DEBA}" presName="node" presStyleLbl="node1" presStyleIdx="7" presStyleCnt="9">
        <dgm:presLayoutVars>
          <dgm:bulletEnabled val="1"/>
        </dgm:presLayoutVars>
      </dgm:prSet>
      <dgm:spPr/>
    </dgm:pt>
    <dgm:pt modelId="{1881CE8C-BC11-4228-9FA7-6F7000ECA4A9}" type="pres">
      <dgm:prSet presAssocID="{D019D8CB-5FD2-427F-8F88-B3CAE14BDF03}" presName="parTrans" presStyleLbl="bgSibTrans2D1" presStyleIdx="8" presStyleCnt="9"/>
      <dgm:spPr/>
    </dgm:pt>
    <dgm:pt modelId="{E47E4965-DEA0-43C6-8B01-88DB05DD63D0}" type="pres">
      <dgm:prSet presAssocID="{E10DA03F-9837-4E46-B15A-12339D8754A2}" presName="node" presStyleLbl="node1" presStyleIdx="8" presStyleCnt="9">
        <dgm:presLayoutVars>
          <dgm:bulletEnabled val="1"/>
        </dgm:presLayoutVars>
      </dgm:prSet>
      <dgm:spPr/>
    </dgm:pt>
  </dgm:ptLst>
  <dgm:cxnLst>
    <dgm:cxn modelId="{DD70FC11-3CE1-449E-8DD9-990D1B95DB95}" srcId="{CA229ABB-6AE2-4231-AB9C-79140C250910}" destId="{1B7EED14-DD1F-4AA0-8C1E-40065C31C676}" srcOrd="4" destOrd="0" parTransId="{B5966880-1BAF-4759-9837-F8DBB6BB5B3D}" sibTransId="{FDFCE3F8-C609-4013-A1A8-87D5CFCAA8B2}"/>
    <dgm:cxn modelId="{2F11AA16-C919-4B0B-82CF-0692B9A64754}" type="presOf" srcId="{1B7EED14-DD1F-4AA0-8C1E-40065C31C676}" destId="{B7E099AC-2BC6-44CB-8B75-6279FF84CE54}" srcOrd="0" destOrd="0" presId="urn:microsoft.com/office/officeart/2005/8/layout/radial4"/>
    <dgm:cxn modelId="{F090F916-AF13-487F-8E44-CB16A466BC8F}" type="presOf" srcId="{0CF6D8A1-57BD-476E-BF9C-9521B93718A7}" destId="{C07961B7-F270-41CB-B335-2F7F0673A3A4}" srcOrd="0" destOrd="0" presId="urn:microsoft.com/office/officeart/2005/8/layout/radial4"/>
    <dgm:cxn modelId="{FDB3512D-48F3-4288-ACE2-733086865475}" srcId="{CA229ABB-6AE2-4231-AB9C-79140C250910}" destId="{E71E3135-064D-462B-AE17-B5B645C4B434}" srcOrd="0" destOrd="0" parTransId="{8314E38B-393D-44A0-9B1F-6F7BA1B90BE8}" sibTransId="{CDBECF6C-F1F7-46D0-9941-05D59093CA3A}"/>
    <dgm:cxn modelId="{DB440F31-38DF-455B-B19C-0DDC722BE844}" type="presOf" srcId="{CA229ABB-6AE2-4231-AB9C-79140C250910}" destId="{7F6A5EDD-A51C-42A9-A90F-0AF8FF987BDD}" srcOrd="0" destOrd="0" presId="urn:microsoft.com/office/officeart/2005/8/layout/radial4"/>
    <dgm:cxn modelId="{4A2AC638-F2DB-4356-AA2D-9B3D7B57F5A2}" srcId="{CA229ABB-6AE2-4231-AB9C-79140C250910}" destId="{DF7ED462-7C4D-44B1-876F-E11FF891DEBA}" srcOrd="7" destOrd="0" parTransId="{65CC105D-00C4-4DAF-BFD7-536BBE951C27}" sibTransId="{4E4CAD7E-A53A-4F26-AAF0-8D2FBDB5786E}"/>
    <dgm:cxn modelId="{49E25E3D-2F40-4807-A4A7-62CAAA93EB2E}" type="presOf" srcId="{65CC105D-00C4-4DAF-BFD7-536BBE951C27}" destId="{692340EB-9F57-4476-863F-827CCA3284A9}" srcOrd="0" destOrd="0" presId="urn:microsoft.com/office/officeart/2005/8/layout/radial4"/>
    <dgm:cxn modelId="{CAA3E061-3FFA-4BF6-A9FF-BCC17890FB78}" type="presOf" srcId="{8E3E94BA-D697-405F-A318-EA03B71043F2}" destId="{872DF698-410E-4CC9-8C1B-E6AFD1A2A661}" srcOrd="0" destOrd="0" presId="urn:microsoft.com/office/officeart/2005/8/layout/radial4"/>
    <dgm:cxn modelId="{FC5C4163-21D7-41B6-A15D-49C6C0A5E928}" type="presOf" srcId="{E71E3135-064D-462B-AE17-B5B645C4B434}" destId="{686F645D-3221-4AED-A5B5-C40C09203A41}" srcOrd="0" destOrd="0" presId="urn:microsoft.com/office/officeart/2005/8/layout/radial4"/>
    <dgm:cxn modelId="{1F552A47-627B-438C-B749-73F180939973}" srcId="{CA229ABB-6AE2-4231-AB9C-79140C250910}" destId="{E878A2C6-1C9C-43A7-910D-12404AF2A0A3}" srcOrd="6" destOrd="0" parTransId="{5B3CB025-B475-41B4-8BE2-A54BE27C2E60}" sibTransId="{1D5315A5-8888-4DAB-A0BC-DC6F81C3968E}"/>
    <dgm:cxn modelId="{BF043051-C742-4B0B-99FB-39D93E21C84F}" srcId="{CA229ABB-6AE2-4231-AB9C-79140C250910}" destId="{0DBBD028-3DA7-4AAC-BC94-C22694165B64}" srcOrd="3" destOrd="0" parTransId="{13E0A689-F716-4E3E-BA14-DFB80AD8AECF}" sibTransId="{3F2E1B6E-A0D4-4EB8-8B09-9FE756DC2A28}"/>
    <dgm:cxn modelId="{0E6E4974-9B5F-4ECB-9594-DDAB9C9D0EFB}" type="presOf" srcId="{DF7ED462-7C4D-44B1-876F-E11FF891DEBA}" destId="{06049927-BC8F-4554-B321-E31D0020C12A}" srcOrd="0" destOrd="0" presId="urn:microsoft.com/office/officeart/2005/8/layout/radial4"/>
    <dgm:cxn modelId="{7BBC577D-D048-4E69-A90C-B5345A157383}" type="presOf" srcId="{5B3CB025-B475-41B4-8BE2-A54BE27C2E60}" destId="{1AA61B0E-9BC7-4FC4-AA70-CDB3E63E3C13}" srcOrd="0" destOrd="0" presId="urn:microsoft.com/office/officeart/2005/8/layout/radial4"/>
    <dgm:cxn modelId="{5AB63386-16C7-43C0-9CFA-F35DDF89CAC8}" type="presOf" srcId="{29DBF2F8-4B33-4D24-8397-0A9DF341ECAC}" destId="{2C819C2B-AA88-440D-B78F-7727F99136C4}" srcOrd="0" destOrd="0" presId="urn:microsoft.com/office/officeart/2005/8/layout/radial4"/>
    <dgm:cxn modelId="{AD194687-7E66-463E-BEDC-7778ED7AFBCD}" type="presOf" srcId="{B2D04BE8-32DB-47CB-A443-33BB2978CA7B}" destId="{464D594D-242C-463E-B32E-1053E8E227D6}" srcOrd="0" destOrd="0" presId="urn:microsoft.com/office/officeart/2005/8/layout/radial4"/>
    <dgm:cxn modelId="{41000C8A-155D-4C5C-9285-80EE379DD37D}" type="presOf" srcId="{8D242984-4D20-4420-8AB5-2CC1B1869FD0}" destId="{4F893C72-34C1-42AA-8331-37B665C2F9B2}" srcOrd="0" destOrd="0" presId="urn:microsoft.com/office/officeart/2005/8/layout/radial4"/>
    <dgm:cxn modelId="{08B4518A-8721-4A39-8643-12E43534BE6B}" type="presOf" srcId="{0DBBD028-3DA7-4AAC-BC94-C22694165B64}" destId="{CB7D79E4-17BA-40DA-9984-4206026BEABB}" srcOrd="0" destOrd="0" presId="urn:microsoft.com/office/officeart/2005/8/layout/radial4"/>
    <dgm:cxn modelId="{27E39291-C793-4AE5-934B-69E2CDFB7631}" type="presOf" srcId="{E10DA03F-9837-4E46-B15A-12339D8754A2}" destId="{E47E4965-DEA0-43C6-8B01-88DB05DD63D0}" srcOrd="0" destOrd="0" presId="urn:microsoft.com/office/officeart/2005/8/layout/radial4"/>
    <dgm:cxn modelId="{E1EA7A9F-6295-48AF-986A-0DBA3AD43674}" srcId="{CA229ABB-6AE2-4231-AB9C-79140C250910}" destId="{E10DA03F-9837-4E46-B15A-12339D8754A2}" srcOrd="8" destOrd="0" parTransId="{D019D8CB-5FD2-427F-8F88-B3CAE14BDF03}" sibTransId="{7C6DBF48-2D8E-41EF-9FE5-9256225E8043}"/>
    <dgm:cxn modelId="{9A3AD7A6-F09F-4595-BA16-B49EB87E11F9}" type="presOf" srcId="{E878A2C6-1C9C-43A7-910D-12404AF2A0A3}" destId="{6B87873A-FAAB-4BD8-942E-3A37991CB3ED}" srcOrd="0" destOrd="0" presId="urn:microsoft.com/office/officeart/2005/8/layout/radial4"/>
    <dgm:cxn modelId="{ABD00BBD-B3BC-470C-A817-9BEC31CEE1E0}" type="presOf" srcId="{13E0A689-F716-4E3E-BA14-DFB80AD8AECF}" destId="{0AB9F6B9-2E7A-4328-AF7E-AAD1DA9ECC16}" srcOrd="0" destOrd="0" presId="urn:microsoft.com/office/officeart/2005/8/layout/radial4"/>
    <dgm:cxn modelId="{CB5878CD-3BB9-4A37-9918-BBC37E054887}" srcId="{CA229ABB-6AE2-4231-AB9C-79140C250910}" destId="{8D242984-4D20-4420-8AB5-2CC1B1869FD0}" srcOrd="1" destOrd="0" parTransId="{B2D04BE8-32DB-47CB-A443-33BB2978CA7B}" sibTransId="{746899AA-5F6C-4DA0-B14E-63AADA8C6976}"/>
    <dgm:cxn modelId="{AB267CCE-E886-47F3-88C2-27EC87AE1C39}" type="presOf" srcId="{B1CEAAE7-9C46-4A80-8663-B89798F9DF56}" destId="{E6B5C0C3-1107-4481-ADE9-C2EAAC4A4E9D}" srcOrd="0" destOrd="0" presId="urn:microsoft.com/office/officeart/2005/8/layout/radial4"/>
    <dgm:cxn modelId="{D3CEC9D0-19CE-47FD-9C39-8B37E8B59D6E}" type="presOf" srcId="{AF54C199-34F2-4576-A470-038C05F06227}" destId="{35897AB9-F50F-4154-B1CE-29D21B0F3317}" srcOrd="0" destOrd="0" presId="urn:microsoft.com/office/officeart/2005/8/layout/radial4"/>
    <dgm:cxn modelId="{0F663FD7-E8FC-44C6-A08E-D7827F1292F4}" srcId="{CA229ABB-6AE2-4231-AB9C-79140C250910}" destId="{B1CEAAE7-9C46-4A80-8663-B89798F9DF56}" srcOrd="2" destOrd="0" parTransId="{AF54C199-34F2-4576-A470-038C05F06227}" sibTransId="{31BFEC28-14D7-4CBB-B959-A8192F14428B}"/>
    <dgm:cxn modelId="{01790DD8-2D7C-4B53-AC84-EBEBA478F040}" srcId="{8E3E94BA-D697-405F-A318-EA03B71043F2}" destId="{CA229ABB-6AE2-4231-AB9C-79140C250910}" srcOrd="0" destOrd="0" parTransId="{C993DEA3-556F-4EF3-9F3C-661231386469}" sibTransId="{FBC5D5BC-2072-40AA-9AAA-02DD83863D07}"/>
    <dgm:cxn modelId="{687CEADC-B670-4525-AC1C-E2356A11B2DA}" srcId="{CA229ABB-6AE2-4231-AB9C-79140C250910}" destId="{0CF6D8A1-57BD-476E-BF9C-9521B93718A7}" srcOrd="5" destOrd="0" parTransId="{29DBF2F8-4B33-4D24-8397-0A9DF341ECAC}" sibTransId="{7D3181D7-D3DE-49FB-AC6C-40B733BEFC32}"/>
    <dgm:cxn modelId="{74F579DD-541E-4CE2-806A-009178432BBE}" type="presOf" srcId="{8314E38B-393D-44A0-9B1F-6F7BA1B90BE8}" destId="{E77A35C0-00E7-44E0-B0A1-3F6AE8CFB3DF}" srcOrd="0" destOrd="0" presId="urn:microsoft.com/office/officeart/2005/8/layout/radial4"/>
    <dgm:cxn modelId="{871CBFEA-56BB-4684-8CB5-ACEE317FD6AA}" type="presOf" srcId="{D019D8CB-5FD2-427F-8F88-B3CAE14BDF03}" destId="{1881CE8C-BC11-4228-9FA7-6F7000ECA4A9}" srcOrd="0" destOrd="0" presId="urn:microsoft.com/office/officeart/2005/8/layout/radial4"/>
    <dgm:cxn modelId="{80AA10ED-9824-4CDA-BD0F-EF386DB42861}" type="presOf" srcId="{B5966880-1BAF-4759-9837-F8DBB6BB5B3D}" destId="{2C555422-FC23-4E36-8FE8-A7AD35C67F61}" srcOrd="0" destOrd="0" presId="urn:microsoft.com/office/officeart/2005/8/layout/radial4"/>
    <dgm:cxn modelId="{A36940C2-7E31-48FE-83E8-46E9956AEC70}" type="presParOf" srcId="{872DF698-410E-4CC9-8C1B-E6AFD1A2A661}" destId="{7F6A5EDD-A51C-42A9-A90F-0AF8FF987BDD}" srcOrd="0" destOrd="0" presId="urn:microsoft.com/office/officeart/2005/8/layout/radial4"/>
    <dgm:cxn modelId="{365A4352-29A7-4B4C-988C-1AC9268398C9}" type="presParOf" srcId="{872DF698-410E-4CC9-8C1B-E6AFD1A2A661}" destId="{E77A35C0-00E7-44E0-B0A1-3F6AE8CFB3DF}" srcOrd="1" destOrd="0" presId="urn:microsoft.com/office/officeart/2005/8/layout/radial4"/>
    <dgm:cxn modelId="{59671672-5229-4AC9-B62A-161F847C8AB6}" type="presParOf" srcId="{872DF698-410E-4CC9-8C1B-E6AFD1A2A661}" destId="{686F645D-3221-4AED-A5B5-C40C09203A41}" srcOrd="2" destOrd="0" presId="urn:microsoft.com/office/officeart/2005/8/layout/radial4"/>
    <dgm:cxn modelId="{0A76ACA0-D5EE-4767-B6FD-6E6CE64E1983}" type="presParOf" srcId="{872DF698-410E-4CC9-8C1B-E6AFD1A2A661}" destId="{464D594D-242C-463E-B32E-1053E8E227D6}" srcOrd="3" destOrd="0" presId="urn:microsoft.com/office/officeart/2005/8/layout/radial4"/>
    <dgm:cxn modelId="{A4FFC25D-8CDD-4312-8990-91576E7FF552}" type="presParOf" srcId="{872DF698-410E-4CC9-8C1B-E6AFD1A2A661}" destId="{4F893C72-34C1-42AA-8331-37B665C2F9B2}" srcOrd="4" destOrd="0" presId="urn:microsoft.com/office/officeart/2005/8/layout/radial4"/>
    <dgm:cxn modelId="{5F4601C8-0C5F-4E21-8419-53A067A3C4B7}" type="presParOf" srcId="{872DF698-410E-4CC9-8C1B-E6AFD1A2A661}" destId="{35897AB9-F50F-4154-B1CE-29D21B0F3317}" srcOrd="5" destOrd="0" presId="urn:microsoft.com/office/officeart/2005/8/layout/radial4"/>
    <dgm:cxn modelId="{C63FFD64-896D-4BB1-B424-EAF85BDB2241}" type="presParOf" srcId="{872DF698-410E-4CC9-8C1B-E6AFD1A2A661}" destId="{E6B5C0C3-1107-4481-ADE9-C2EAAC4A4E9D}" srcOrd="6" destOrd="0" presId="urn:microsoft.com/office/officeart/2005/8/layout/radial4"/>
    <dgm:cxn modelId="{AFAB5F47-53CE-46FF-A82A-65FDB65E83A6}" type="presParOf" srcId="{872DF698-410E-4CC9-8C1B-E6AFD1A2A661}" destId="{0AB9F6B9-2E7A-4328-AF7E-AAD1DA9ECC16}" srcOrd="7" destOrd="0" presId="urn:microsoft.com/office/officeart/2005/8/layout/radial4"/>
    <dgm:cxn modelId="{6A3867A5-F7F6-4C54-BCAB-42D4A7362775}" type="presParOf" srcId="{872DF698-410E-4CC9-8C1B-E6AFD1A2A661}" destId="{CB7D79E4-17BA-40DA-9984-4206026BEABB}" srcOrd="8" destOrd="0" presId="urn:microsoft.com/office/officeart/2005/8/layout/radial4"/>
    <dgm:cxn modelId="{ECC17E47-4CB0-49F6-8CE1-9A963A1D0069}" type="presParOf" srcId="{872DF698-410E-4CC9-8C1B-E6AFD1A2A661}" destId="{2C555422-FC23-4E36-8FE8-A7AD35C67F61}" srcOrd="9" destOrd="0" presId="urn:microsoft.com/office/officeart/2005/8/layout/radial4"/>
    <dgm:cxn modelId="{6D73EBF6-9708-43DC-9E7D-3701245174C0}" type="presParOf" srcId="{872DF698-410E-4CC9-8C1B-E6AFD1A2A661}" destId="{B7E099AC-2BC6-44CB-8B75-6279FF84CE54}" srcOrd="10" destOrd="0" presId="urn:microsoft.com/office/officeart/2005/8/layout/radial4"/>
    <dgm:cxn modelId="{032B1E16-E715-4566-A350-F94E0EBF5F67}" type="presParOf" srcId="{872DF698-410E-4CC9-8C1B-E6AFD1A2A661}" destId="{2C819C2B-AA88-440D-B78F-7727F99136C4}" srcOrd="11" destOrd="0" presId="urn:microsoft.com/office/officeart/2005/8/layout/radial4"/>
    <dgm:cxn modelId="{7B5C6BB4-E33B-4695-B631-ED5F2EE16061}" type="presParOf" srcId="{872DF698-410E-4CC9-8C1B-E6AFD1A2A661}" destId="{C07961B7-F270-41CB-B335-2F7F0673A3A4}" srcOrd="12" destOrd="0" presId="urn:microsoft.com/office/officeart/2005/8/layout/radial4"/>
    <dgm:cxn modelId="{78E82DED-D9CC-4FCF-B1BB-D0487D522C8E}" type="presParOf" srcId="{872DF698-410E-4CC9-8C1B-E6AFD1A2A661}" destId="{1AA61B0E-9BC7-4FC4-AA70-CDB3E63E3C13}" srcOrd="13" destOrd="0" presId="urn:microsoft.com/office/officeart/2005/8/layout/radial4"/>
    <dgm:cxn modelId="{1C4CD49F-DE60-4329-8C17-A45782E5698B}" type="presParOf" srcId="{872DF698-410E-4CC9-8C1B-E6AFD1A2A661}" destId="{6B87873A-FAAB-4BD8-942E-3A37991CB3ED}" srcOrd="14" destOrd="0" presId="urn:microsoft.com/office/officeart/2005/8/layout/radial4"/>
    <dgm:cxn modelId="{989EAA70-3D18-4A32-8554-B880308929F2}" type="presParOf" srcId="{872DF698-410E-4CC9-8C1B-E6AFD1A2A661}" destId="{692340EB-9F57-4476-863F-827CCA3284A9}" srcOrd="15" destOrd="0" presId="urn:microsoft.com/office/officeart/2005/8/layout/radial4"/>
    <dgm:cxn modelId="{D1A616E4-D4CB-4543-8892-3D0A52CC570A}" type="presParOf" srcId="{872DF698-410E-4CC9-8C1B-E6AFD1A2A661}" destId="{06049927-BC8F-4554-B321-E31D0020C12A}" srcOrd="16" destOrd="0" presId="urn:microsoft.com/office/officeart/2005/8/layout/radial4"/>
    <dgm:cxn modelId="{6702CE77-9CCB-4A42-9E3D-F20A4DF9D38E}" type="presParOf" srcId="{872DF698-410E-4CC9-8C1B-E6AFD1A2A661}" destId="{1881CE8C-BC11-4228-9FA7-6F7000ECA4A9}" srcOrd="17" destOrd="0" presId="urn:microsoft.com/office/officeart/2005/8/layout/radial4"/>
    <dgm:cxn modelId="{D1CFF81E-047B-49A9-A6C5-227EFEE7B788}" type="presParOf" srcId="{872DF698-410E-4CC9-8C1B-E6AFD1A2A661}" destId="{E47E4965-DEA0-43C6-8B01-88DB05DD63D0}" srcOrd="18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8E3E94BA-D697-405F-A318-EA03B71043F2}" type="doc">
      <dgm:prSet loTypeId="urn:microsoft.com/office/officeart/2005/8/layout/radial4" loCatId="relationship" qsTypeId="urn:microsoft.com/office/officeart/2005/8/quickstyle/simple3" qsCatId="simple" csTypeId="urn:microsoft.com/office/officeart/2005/8/colors/colorful4" csCatId="colorful" phldr="1"/>
      <dgm:spPr/>
      <dgm:t>
        <a:bodyPr/>
        <a:lstStyle/>
        <a:p>
          <a:endParaRPr lang="en-US"/>
        </a:p>
      </dgm:t>
    </dgm:pt>
    <dgm:pt modelId="{CA229ABB-6AE2-4231-AB9C-79140C250910}">
      <dgm:prSet phldrT="[Text]"/>
      <dgm:spPr/>
      <dgm:t>
        <a:bodyPr/>
        <a:lstStyle/>
        <a:p>
          <a:r>
            <a:rPr lang="en-US"/>
            <a:t>System Test Coordinator</a:t>
          </a:r>
        </a:p>
      </dgm:t>
    </dgm:pt>
    <dgm:pt modelId="{C993DEA3-556F-4EF3-9F3C-661231386469}" type="parTrans" cxnId="{01790DD8-2D7C-4B53-AC84-EBEBA478F040}">
      <dgm:prSet/>
      <dgm:spPr/>
      <dgm:t>
        <a:bodyPr/>
        <a:lstStyle/>
        <a:p>
          <a:endParaRPr lang="en-US"/>
        </a:p>
      </dgm:t>
    </dgm:pt>
    <dgm:pt modelId="{FBC5D5BC-2072-40AA-9AAA-02DD83863D07}" type="sibTrans" cxnId="{01790DD8-2D7C-4B53-AC84-EBEBA478F040}">
      <dgm:prSet/>
      <dgm:spPr/>
      <dgm:t>
        <a:bodyPr/>
        <a:lstStyle/>
        <a:p>
          <a:endParaRPr lang="en-US"/>
        </a:p>
      </dgm:t>
    </dgm:pt>
    <dgm:pt modelId="{E71E3135-064D-462B-AE17-B5B645C4B434}">
      <dgm:prSet phldrT="[Text]"/>
      <dgm:spPr/>
      <dgm:t>
        <a:bodyPr/>
        <a:lstStyle/>
        <a:p>
          <a:r>
            <a:rPr lang="en-US"/>
            <a:t>GKIDS – </a:t>
          </a:r>
        </a:p>
        <a:p>
          <a:r>
            <a:rPr lang="en-US"/>
            <a:t>SIS Coordinators</a:t>
          </a:r>
        </a:p>
      </dgm:t>
    </dgm:pt>
    <dgm:pt modelId="{8314E38B-393D-44A0-9B1F-6F7BA1B90BE8}" type="parTrans" cxnId="{FDB3512D-48F3-4288-ACE2-733086865475}">
      <dgm:prSet/>
      <dgm:spPr/>
      <dgm:t>
        <a:bodyPr/>
        <a:lstStyle/>
        <a:p>
          <a:endParaRPr lang="en-US"/>
        </a:p>
      </dgm:t>
    </dgm:pt>
    <dgm:pt modelId="{CDBECF6C-F1F7-46D0-9941-05D59093CA3A}" type="sibTrans" cxnId="{FDB3512D-48F3-4288-ACE2-733086865475}">
      <dgm:prSet/>
      <dgm:spPr/>
      <dgm:t>
        <a:bodyPr/>
        <a:lstStyle/>
        <a:p>
          <a:endParaRPr lang="en-US"/>
        </a:p>
      </dgm:t>
    </dgm:pt>
    <dgm:pt modelId="{8D242984-4D20-4420-8AB5-2CC1B1869FD0}">
      <dgm:prSet phldrT="[Text]"/>
      <dgm:spPr/>
      <dgm:t>
        <a:bodyPr/>
        <a:lstStyle/>
        <a:p>
          <a:r>
            <a:rPr lang="en-US"/>
            <a:t>Georgia Milestones – Technology Directors</a:t>
          </a:r>
        </a:p>
      </dgm:t>
    </dgm:pt>
    <dgm:pt modelId="{B2D04BE8-32DB-47CB-A443-33BB2978CA7B}" type="parTrans" cxnId="{CB5878CD-3BB9-4A37-9918-BBC37E054887}">
      <dgm:prSet/>
      <dgm:spPr/>
      <dgm:t>
        <a:bodyPr/>
        <a:lstStyle/>
        <a:p>
          <a:endParaRPr lang="en-US"/>
        </a:p>
      </dgm:t>
    </dgm:pt>
    <dgm:pt modelId="{746899AA-5F6C-4DA0-B14E-63AADA8C6976}" type="sibTrans" cxnId="{CB5878CD-3BB9-4A37-9918-BBC37E054887}">
      <dgm:prSet/>
      <dgm:spPr/>
      <dgm:t>
        <a:bodyPr/>
        <a:lstStyle/>
        <a:p>
          <a:endParaRPr lang="en-US"/>
        </a:p>
      </dgm:t>
    </dgm:pt>
    <dgm:pt modelId="{1B7EED14-DD1F-4AA0-8C1E-40065C31C676}">
      <dgm:prSet phldrT="[Text]"/>
      <dgm:spPr/>
      <dgm:t>
        <a:bodyPr/>
        <a:lstStyle/>
        <a:p>
          <a:r>
            <a:rPr lang="en-US"/>
            <a:t>NAEP – </a:t>
          </a:r>
        </a:p>
        <a:p>
          <a:r>
            <a:rPr lang="en-US"/>
            <a:t>Principals and School Test Coordinators</a:t>
          </a:r>
        </a:p>
      </dgm:t>
    </dgm:pt>
    <dgm:pt modelId="{B5966880-1BAF-4759-9837-F8DBB6BB5B3D}" type="parTrans" cxnId="{DD70FC11-3CE1-449E-8DD9-990D1B95DB95}">
      <dgm:prSet/>
      <dgm:spPr/>
      <dgm:t>
        <a:bodyPr/>
        <a:lstStyle/>
        <a:p>
          <a:endParaRPr lang="en-US"/>
        </a:p>
      </dgm:t>
    </dgm:pt>
    <dgm:pt modelId="{FDFCE3F8-C609-4013-A1A8-87D5CFCAA8B2}" type="sibTrans" cxnId="{DD70FC11-3CE1-449E-8DD9-990D1B95DB95}">
      <dgm:prSet/>
      <dgm:spPr/>
      <dgm:t>
        <a:bodyPr/>
        <a:lstStyle/>
        <a:p>
          <a:endParaRPr lang="en-US"/>
        </a:p>
      </dgm:t>
    </dgm:pt>
    <dgm:pt modelId="{B1CEAAE7-9C46-4A80-8663-B89798F9DF56}">
      <dgm:prSet phldrT="[Text]"/>
      <dgm:spPr/>
      <dgm:t>
        <a:bodyPr/>
        <a:lstStyle/>
        <a:p>
          <a:r>
            <a:rPr lang="en-US"/>
            <a:t>ACCESS for ELLs 2.0 – </a:t>
          </a:r>
        </a:p>
        <a:p>
          <a:r>
            <a:rPr lang="en-US"/>
            <a:t>ESOL/Title III Coordinators</a:t>
          </a:r>
        </a:p>
      </dgm:t>
    </dgm:pt>
    <dgm:pt modelId="{AF54C199-34F2-4576-A470-038C05F06227}" type="parTrans" cxnId="{0F663FD7-E8FC-44C6-A08E-D7827F1292F4}">
      <dgm:prSet/>
      <dgm:spPr/>
      <dgm:t>
        <a:bodyPr/>
        <a:lstStyle/>
        <a:p>
          <a:endParaRPr lang="en-US"/>
        </a:p>
      </dgm:t>
    </dgm:pt>
    <dgm:pt modelId="{31BFEC28-14D7-4CBB-B959-A8192F14428B}" type="sibTrans" cxnId="{0F663FD7-E8FC-44C6-A08E-D7827F1292F4}">
      <dgm:prSet/>
      <dgm:spPr/>
      <dgm:t>
        <a:bodyPr/>
        <a:lstStyle/>
        <a:p>
          <a:endParaRPr lang="en-US"/>
        </a:p>
      </dgm:t>
    </dgm:pt>
    <dgm:pt modelId="{0DBBD028-3DA7-4AAC-BC94-C22694165B64}">
      <dgm:prSet phldrT="[Text]"/>
      <dgm:spPr/>
      <dgm:t>
        <a:bodyPr/>
        <a:lstStyle/>
        <a:p>
          <a:r>
            <a:rPr lang="en-US"/>
            <a:t>GAA 2.0 – </a:t>
          </a:r>
        </a:p>
        <a:p>
          <a:r>
            <a:rPr lang="en-US"/>
            <a:t>Special Education Directors</a:t>
          </a:r>
        </a:p>
      </dgm:t>
    </dgm:pt>
    <dgm:pt modelId="{13E0A689-F716-4E3E-BA14-DFB80AD8AECF}" type="parTrans" cxnId="{BF043051-C742-4B0B-99FB-39D93E21C84F}">
      <dgm:prSet/>
      <dgm:spPr/>
      <dgm:t>
        <a:bodyPr/>
        <a:lstStyle/>
        <a:p>
          <a:endParaRPr lang="en-US"/>
        </a:p>
      </dgm:t>
    </dgm:pt>
    <dgm:pt modelId="{3F2E1B6E-A0D4-4EB8-8B09-9FE756DC2A28}" type="sibTrans" cxnId="{BF043051-C742-4B0B-99FB-39D93E21C84F}">
      <dgm:prSet/>
      <dgm:spPr/>
      <dgm:t>
        <a:bodyPr/>
        <a:lstStyle/>
        <a:p>
          <a:endParaRPr lang="en-US"/>
        </a:p>
      </dgm:t>
    </dgm:pt>
    <dgm:pt modelId="{E878A2C6-1C9C-43A7-910D-12404AF2A0A3}">
      <dgm:prSet phldrT="[Text]"/>
      <dgm:spPr/>
      <dgm:t>
        <a:bodyPr/>
        <a:lstStyle/>
        <a:p>
          <a:r>
            <a:rPr lang="en-US"/>
            <a:t>District Holidays –</a:t>
          </a:r>
        </a:p>
        <a:p>
          <a:r>
            <a:rPr lang="en-US"/>
            <a:t>School Board</a:t>
          </a:r>
        </a:p>
      </dgm:t>
    </dgm:pt>
    <dgm:pt modelId="{5B3CB025-B475-41B4-8BE2-A54BE27C2E60}" type="parTrans" cxnId="{1F552A47-627B-438C-B749-73F180939973}">
      <dgm:prSet/>
      <dgm:spPr/>
      <dgm:t>
        <a:bodyPr/>
        <a:lstStyle/>
        <a:p>
          <a:endParaRPr lang="en-US"/>
        </a:p>
      </dgm:t>
    </dgm:pt>
    <dgm:pt modelId="{1D5315A5-8888-4DAB-A0BC-DC6F81C3968E}" type="sibTrans" cxnId="{1F552A47-627B-438C-B749-73F180939973}">
      <dgm:prSet/>
      <dgm:spPr/>
      <dgm:t>
        <a:bodyPr/>
        <a:lstStyle/>
        <a:p>
          <a:endParaRPr lang="en-US"/>
        </a:p>
      </dgm:t>
    </dgm:pt>
    <dgm:pt modelId="{DF7ED462-7C4D-44B1-876F-E11FF891DEBA}">
      <dgm:prSet phldrT="[Text]"/>
      <dgm:spPr/>
      <dgm:t>
        <a:bodyPr/>
        <a:lstStyle/>
        <a:p>
          <a:r>
            <a:rPr lang="en-US"/>
            <a:t>District Benchmarks – Curriculum Directors</a:t>
          </a:r>
        </a:p>
      </dgm:t>
    </dgm:pt>
    <dgm:pt modelId="{65CC105D-00C4-4DAF-BFD7-536BBE951C27}" type="parTrans" cxnId="{4A2AC638-F2DB-4356-AA2D-9B3D7B57F5A2}">
      <dgm:prSet/>
      <dgm:spPr/>
      <dgm:t>
        <a:bodyPr/>
        <a:lstStyle/>
        <a:p>
          <a:endParaRPr lang="en-US"/>
        </a:p>
      </dgm:t>
    </dgm:pt>
    <dgm:pt modelId="{4E4CAD7E-A53A-4F26-AAF0-8D2FBDB5786E}" type="sibTrans" cxnId="{4A2AC638-F2DB-4356-AA2D-9B3D7B57F5A2}">
      <dgm:prSet/>
      <dgm:spPr/>
      <dgm:t>
        <a:bodyPr/>
        <a:lstStyle/>
        <a:p>
          <a:endParaRPr lang="en-US"/>
        </a:p>
      </dgm:t>
    </dgm:pt>
    <dgm:pt modelId="{E10DA03F-9837-4E46-B15A-12339D8754A2}">
      <dgm:prSet phldrT="[Text]"/>
      <dgm:spPr/>
      <dgm:t>
        <a:bodyPr/>
        <a:lstStyle/>
        <a:p>
          <a:r>
            <a:rPr lang="en-US"/>
            <a:t>Other Tests – ACT, AP, SAT, PSAT – Curriculum Directors</a:t>
          </a:r>
        </a:p>
      </dgm:t>
    </dgm:pt>
    <dgm:pt modelId="{D019D8CB-5FD2-427F-8F88-B3CAE14BDF03}" type="parTrans" cxnId="{E1EA7A9F-6295-48AF-986A-0DBA3AD43674}">
      <dgm:prSet/>
      <dgm:spPr/>
      <dgm:t>
        <a:bodyPr/>
        <a:lstStyle/>
        <a:p>
          <a:endParaRPr lang="en-US"/>
        </a:p>
      </dgm:t>
    </dgm:pt>
    <dgm:pt modelId="{7C6DBF48-2D8E-41EF-9FE5-9256225E8043}" type="sibTrans" cxnId="{E1EA7A9F-6295-48AF-986A-0DBA3AD43674}">
      <dgm:prSet/>
      <dgm:spPr/>
      <dgm:t>
        <a:bodyPr/>
        <a:lstStyle/>
        <a:p>
          <a:endParaRPr lang="en-US"/>
        </a:p>
      </dgm:t>
    </dgm:pt>
    <dgm:pt modelId="{0CF6D8A1-57BD-476E-BF9C-9521B93718A7}">
      <dgm:prSet phldrT="[Text]"/>
      <dgm:spPr/>
      <dgm:t>
        <a:bodyPr/>
        <a:lstStyle/>
        <a:p>
          <a:r>
            <a:rPr lang="en-US"/>
            <a:t>Keenville - SIS Coordinator; SLDS access</a:t>
          </a:r>
          <a:endParaRPr lang="en-US" dirty="0"/>
        </a:p>
      </dgm:t>
    </dgm:pt>
    <dgm:pt modelId="{29DBF2F8-4B33-4D24-8397-0A9DF341ECAC}" type="parTrans" cxnId="{EFBF494B-8331-4FC8-A870-6CAED39380A1}">
      <dgm:prSet/>
      <dgm:spPr/>
      <dgm:t>
        <a:bodyPr/>
        <a:lstStyle/>
        <a:p>
          <a:endParaRPr lang="en-US"/>
        </a:p>
      </dgm:t>
    </dgm:pt>
    <dgm:pt modelId="{7D3181D7-D3DE-49FB-AC6C-40B733BEFC32}" type="sibTrans" cxnId="{EFBF494B-8331-4FC8-A870-6CAED39380A1}">
      <dgm:prSet/>
      <dgm:spPr/>
      <dgm:t>
        <a:bodyPr/>
        <a:lstStyle/>
        <a:p>
          <a:endParaRPr lang="en-US"/>
        </a:p>
      </dgm:t>
    </dgm:pt>
    <dgm:pt modelId="{872DF698-410E-4CC9-8C1B-E6AFD1A2A661}" type="pres">
      <dgm:prSet presAssocID="{8E3E94BA-D697-405F-A318-EA03B71043F2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7F6A5EDD-A51C-42A9-A90F-0AF8FF987BDD}" type="pres">
      <dgm:prSet presAssocID="{CA229ABB-6AE2-4231-AB9C-79140C250910}" presName="centerShape" presStyleLbl="node0" presStyleIdx="0" presStyleCnt="1"/>
      <dgm:spPr/>
    </dgm:pt>
    <dgm:pt modelId="{E77A35C0-00E7-44E0-B0A1-3F6AE8CFB3DF}" type="pres">
      <dgm:prSet presAssocID="{8314E38B-393D-44A0-9B1F-6F7BA1B90BE8}" presName="parTrans" presStyleLbl="bgSibTrans2D1" presStyleIdx="0" presStyleCnt="9"/>
      <dgm:spPr/>
    </dgm:pt>
    <dgm:pt modelId="{686F645D-3221-4AED-A5B5-C40C09203A41}" type="pres">
      <dgm:prSet presAssocID="{E71E3135-064D-462B-AE17-B5B645C4B434}" presName="node" presStyleLbl="node1" presStyleIdx="0" presStyleCnt="9">
        <dgm:presLayoutVars>
          <dgm:bulletEnabled val="1"/>
        </dgm:presLayoutVars>
      </dgm:prSet>
      <dgm:spPr/>
    </dgm:pt>
    <dgm:pt modelId="{464D594D-242C-463E-B32E-1053E8E227D6}" type="pres">
      <dgm:prSet presAssocID="{B2D04BE8-32DB-47CB-A443-33BB2978CA7B}" presName="parTrans" presStyleLbl="bgSibTrans2D1" presStyleIdx="1" presStyleCnt="9"/>
      <dgm:spPr/>
    </dgm:pt>
    <dgm:pt modelId="{4F893C72-34C1-42AA-8331-37B665C2F9B2}" type="pres">
      <dgm:prSet presAssocID="{8D242984-4D20-4420-8AB5-2CC1B1869FD0}" presName="node" presStyleLbl="node1" presStyleIdx="1" presStyleCnt="9">
        <dgm:presLayoutVars>
          <dgm:bulletEnabled val="1"/>
        </dgm:presLayoutVars>
      </dgm:prSet>
      <dgm:spPr/>
    </dgm:pt>
    <dgm:pt modelId="{35897AB9-F50F-4154-B1CE-29D21B0F3317}" type="pres">
      <dgm:prSet presAssocID="{AF54C199-34F2-4576-A470-038C05F06227}" presName="parTrans" presStyleLbl="bgSibTrans2D1" presStyleIdx="2" presStyleCnt="9"/>
      <dgm:spPr/>
    </dgm:pt>
    <dgm:pt modelId="{E6B5C0C3-1107-4481-ADE9-C2EAAC4A4E9D}" type="pres">
      <dgm:prSet presAssocID="{B1CEAAE7-9C46-4A80-8663-B89798F9DF56}" presName="node" presStyleLbl="node1" presStyleIdx="2" presStyleCnt="9">
        <dgm:presLayoutVars>
          <dgm:bulletEnabled val="1"/>
        </dgm:presLayoutVars>
      </dgm:prSet>
      <dgm:spPr/>
    </dgm:pt>
    <dgm:pt modelId="{0AB9F6B9-2E7A-4328-AF7E-AAD1DA9ECC16}" type="pres">
      <dgm:prSet presAssocID="{13E0A689-F716-4E3E-BA14-DFB80AD8AECF}" presName="parTrans" presStyleLbl="bgSibTrans2D1" presStyleIdx="3" presStyleCnt="9"/>
      <dgm:spPr/>
    </dgm:pt>
    <dgm:pt modelId="{CB7D79E4-17BA-40DA-9984-4206026BEABB}" type="pres">
      <dgm:prSet presAssocID="{0DBBD028-3DA7-4AAC-BC94-C22694165B64}" presName="node" presStyleLbl="node1" presStyleIdx="3" presStyleCnt="9">
        <dgm:presLayoutVars>
          <dgm:bulletEnabled val="1"/>
        </dgm:presLayoutVars>
      </dgm:prSet>
      <dgm:spPr/>
    </dgm:pt>
    <dgm:pt modelId="{2C555422-FC23-4E36-8FE8-A7AD35C67F61}" type="pres">
      <dgm:prSet presAssocID="{B5966880-1BAF-4759-9837-F8DBB6BB5B3D}" presName="parTrans" presStyleLbl="bgSibTrans2D1" presStyleIdx="4" presStyleCnt="9"/>
      <dgm:spPr/>
    </dgm:pt>
    <dgm:pt modelId="{B7E099AC-2BC6-44CB-8B75-6279FF84CE54}" type="pres">
      <dgm:prSet presAssocID="{1B7EED14-DD1F-4AA0-8C1E-40065C31C676}" presName="node" presStyleLbl="node1" presStyleIdx="4" presStyleCnt="9">
        <dgm:presLayoutVars>
          <dgm:bulletEnabled val="1"/>
        </dgm:presLayoutVars>
      </dgm:prSet>
      <dgm:spPr/>
    </dgm:pt>
    <dgm:pt modelId="{2C819C2B-AA88-440D-B78F-7727F99136C4}" type="pres">
      <dgm:prSet presAssocID="{29DBF2F8-4B33-4D24-8397-0A9DF341ECAC}" presName="parTrans" presStyleLbl="bgSibTrans2D1" presStyleIdx="5" presStyleCnt="9"/>
      <dgm:spPr/>
    </dgm:pt>
    <dgm:pt modelId="{C07961B7-F270-41CB-B335-2F7F0673A3A4}" type="pres">
      <dgm:prSet presAssocID="{0CF6D8A1-57BD-476E-BF9C-9521B93718A7}" presName="node" presStyleLbl="node1" presStyleIdx="5" presStyleCnt="9">
        <dgm:presLayoutVars>
          <dgm:bulletEnabled val="1"/>
        </dgm:presLayoutVars>
      </dgm:prSet>
      <dgm:spPr/>
    </dgm:pt>
    <dgm:pt modelId="{1AA61B0E-9BC7-4FC4-AA70-CDB3E63E3C13}" type="pres">
      <dgm:prSet presAssocID="{5B3CB025-B475-41B4-8BE2-A54BE27C2E60}" presName="parTrans" presStyleLbl="bgSibTrans2D1" presStyleIdx="6" presStyleCnt="9"/>
      <dgm:spPr/>
    </dgm:pt>
    <dgm:pt modelId="{6B87873A-FAAB-4BD8-942E-3A37991CB3ED}" type="pres">
      <dgm:prSet presAssocID="{E878A2C6-1C9C-43A7-910D-12404AF2A0A3}" presName="node" presStyleLbl="node1" presStyleIdx="6" presStyleCnt="9">
        <dgm:presLayoutVars>
          <dgm:bulletEnabled val="1"/>
        </dgm:presLayoutVars>
      </dgm:prSet>
      <dgm:spPr/>
    </dgm:pt>
    <dgm:pt modelId="{692340EB-9F57-4476-863F-827CCA3284A9}" type="pres">
      <dgm:prSet presAssocID="{65CC105D-00C4-4DAF-BFD7-536BBE951C27}" presName="parTrans" presStyleLbl="bgSibTrans2D1" presStyleIdx="7" presStyleCnt="9"/>
      <dgm:spPr/>
    </dgm:pt>
    <dgm:pt modelId="{06049927-BC8F-4554-B321-E31D0020C12A}" type="pres">
      <dgm:prSet presAssocID="{DF7ED462-7C4D-44B1-876F-E11FF891DEBA}" presName="node" presStyleLbl="node1" presStyleIdx="7" presStyleCnt="9">
        <dgm:presLayoutVars>
          <dgm:bulletEnabled val="1"/>
        </dgm:presLayoutVars>
      </dgm:prSet>
      <dgm:spPr/>
    </dgm:pt>
    <dgm:pt modelId="{1881CE8C-BC11-4228-9FA7-6F7000ECA4A9}" type="pres">
      <dgm:prSet presAssocID="{D019D8CB-5FD2-427F-8F88-B3CAE14BDF03}" presName="parTrans" presStyleLbl="bgSibTrans2D1" presStyleIdx="8" presStyleCnt="9"/>
      <dgm:spPr/>
    </dgm:pt>
    <dgm:pt modelId="{E47E4965-DEA0-43C6-8B01-88DB05DD63D0}" type="pres">
      <dgm:prSet presAssocID="{E10DA03F-9837-4E46-B15A-12339D8754A2}" presName="node" presStyleLbl="node1" presStyleIdx="8" presStyleCnt="9">
        <dgm:presLayoutVars>
          <dgm:bulletEnabled val="1"/>
        </dgm:presLayoutVars>
      </dgm:prSet>
      <dgm:spPr/>
    </dgm:pt>
  </dgm:ptLst>
  <dgm:cxnLst>
    <dgm:cxn modelId="{DD70FC11-3CE1-449E-8DD9-990D1B95DB95}" srcId="{CA229ABB-6AE2-4231-AB9C-79140C250910}" destId="{1B7EED14-DD1F-4AA0-8C1E-40065C31C676}" srcOrd="4" destOrd="0" parTransId="{B5966880-1BAF-4759-9837-F8DBB6BB5B3D}" sibTransId="{FDFCE3F8-C609-4013-A1A8-87D5CFCAA8B2}"/>
    <dgm:cxn modelId="{2F11AA16-C919-4B0B-82CF-0692B9A64754}" type="presOf" srcId="{1B7EED14-DD1F-4AA0-8C1E-40065C31C676}" destId="{B7E099AC-2BC6-44CB-8B75-6279FF84CE54}" srcOrd="0" destOrd="0" presId="urn:microsoft.com/office/officeart/2005/8/layout/radial4"/>
    <dgm:cxn modelId="{FDB3512D-48F3-4288-ACE2-733086865475}" srcId="{CA229ABB-6AE2-4231-AB9C-79140C250910}" destId="{E71E3135-064D-462B-AE17-B5B645C4B434}" srcOrd="0" destOrd="0" parTransId="{8314E38B-393D-44A0-9B1F-6F7BA1B90BE8}" sibTransId="{CDBECF6C-F1F7-46D0-9941-05D59093CA3A}"/>
    <dgm:cxn modelId="{DB440F31-38DF-455B-B19C-0DDC722BE844}" type="presOf" srcId="{CA229ABB-6AE2-4231-AB9C-79140C250910}" destId="{7F6A5EDD-A51C-42A9-A90F-0AF8FF987BDD}" srcOrd="0" destOrd="0" presId="urn:microsoft.com/office/officeart/2005/8/layout/radial4"/>
    <dgm:cxn modelId="{4A2AC638-F2DB-4356-AA2D-9B3D7B57F5A2}" srcId="{CA229ABB-6AE2-4231-AB9C-79140C250910}" destId="{DF7ED462-7C4D-44B1-876F-E11FF891DEBA}" srcOrd="7" destOrd="0" parTransId="{65CC105D-00C4-4DAF-BFD7-536BBE951C27}" sibTransId="{4E4CAD7E-A53A-4F26-AAF0-8D2FBDB5786E}"/>
    <dgm:cxn modelId="{49E25E3D-2F40-4807-A4A7-62CAAA93EB2E}" type="presOf" srcId="{65CC105D-00C4-4DAF-BFD7-536BBE951C27}" destId="{692340EB-9F57-4476-863F-827CCA3284A9}" srcOrd="0" destOrd="0" presId="urn:microsoft.com/office/officeart/2005/8/layout/radial4"/>
    <dgm:cxn modelId="{CAA3E061-3FFA-4BF6-A9FF-BCC17890FB78}" type="presOf" srcId="{8E3E94BA-D697-405F-A318-EA03B71043F2}" destId="{872DF698-410E-4CC9-8C1B-E6AFD1A2A661}" srcOrd="0" destOrd="0" presId="urn:microsoft.com/office/officeart/2005/8/layout/radial4"/>
    <dgm:cxn modelId="{FC5C4163-21D7-41B6-A15D-49C6C0A5E928}" type="presOf" srcId="{E71E3135-064D-462B-AE17-B5B645C4B434}" destId="{686F645D-3221-4AED-A5B5-C40C09203A41}" srcOrd="0" destOrd="0" presId="urn:microsoft.com/office/officeart/2005/8/layout/radial4"/>
    <dgm:cxn modelId="{1F552A47-627B-438C-B749-73F180939973}" srcId="{CA229ABB-6AE2-4231-AB9C-79140C250910}" destId="{E878A2C6-1C9C-43A7-910D-12404AF2A0A3}" srcOrd="6" destOrd="0" parTransId="{5B3CB025-B475-41B4-8BE2-A54BE27C2E60}" sibTransId="{1D5315A5-8888-4DAB-A0BC-DC6F81C3968E}"/>
    <dgm:cxn modelId="{EFBF494B-8331-4FC8-A870-6CAED39380A1}" srcId="{CA229ABB-6AE2-4231-AB9C-79140C250910}" destId="{0CF6D8A1-57BD-476E-BF9C-9521B93718A7}" srcOrd="5" destOrd="0" parTransId="{29DBF2F8-4B33-4D24-8397-0A9DF341ECAC}" sibTransId="{7D3181D7-D3DE-49FB-AC6C-40B733BEFC32}"/>
    <dgm:cxn modelId="{BF043051-C742-4B0B-99FB-39D93E21C84F}" srcId="{CA229ABB-6AE2-4231-AB9C-79140C250910}" destId="{0DBBD028-3DA7-4AAC-BC94-C22694165B64}" srcOrd="3" destOrd="0" parTransId="{13E0A689-F716-4E3E-BA14-DFB80AD8AECF}" sibTransId="{3F2E1B6E-A0D4-4EB8-8B09-9FE756DC2A28}"/>
    <dgm:cxn modelId="{0E6E4974-9B5F-4ECB-9594-DDAB9C9D0EFB}" type="presOf" srcId="{DF7ED462-7C4D-44B1-876F-E11FF891DEBA}" destId="{06049927-BC8F-4554-B321-E31D0020C12A}" srcOrd="0" destOrd="0" presId="urn:microsoft.com/office/officeart/2005/8/layout/radial4"/>
    <dgm:cxn modelId="{E78BE559-BA1C-45F2-9AAE-417528F388BA}" type="presOf" srcId="{29DBF2F8-4B33-4D24-8397-0A9DF341ECAC}" destId="{2C819C2B-AA88-440D-B78F-7727F99136C4}" srcOrd="0" destOrd="0" presId="urn:microsoft.com/office/officeart/2005/8/layout/radial4"/>
    <dgm:cxn modelId="{7BBC577D-D048-4E69-A90C-B5345A157383}" type="presOf" srcId="{5B3CB025-B475-41B4-8BE2-A54BE27C2E60}" destId="{1AA61B0E-9BC7-4FC4-AA70-CDB3E63E3C13}" srcOrd="0" destOrd="0" presId="urn:microsoft.com/office/officeart/2005/8/layout/radial4"/>
    <dgm:cxn modelId="{AD194687-7E66-463E-BEDC-7778ED7AFBCD}" type="presOf" srcId="{B2D04BE8-32DB-47CB-A443-33BB2978CA7B}" destId="{464D594D-242C-463E-B32E-1053E8E227D6}" srcOrd="0" destOrd="0" presId="urn:microsoft.com/office/officeart/2005/8/layout/radial4"/>
    <dgm:cxn modelId="{41000C8A-155D-4C5C-9285-80EE379DD37D}" type="presOf" srcId="{8D242984-4D20-4420-8AB5-2CC1B1869FD0}" destId="{4F893C72-34C1-42AA-8331-37B665C2F9B2}" srcOrd="0" destOrd="0" presId="urn:microsoft.com/office/officeart/2005/8/layout/radial4"/>
    <dgm:cxn modelId="{08B4518A-8721-4A39-8643-12E43534BE6B}" type="presOf" srcId="{0DBBD028-3DA7-4AAC-BC94-C22694165B64}" destId="{CB7D79E4-17BA-40DA-9984-4206026BEABB}" srcOrd="0" destOrd="0" presId="urn:microsoft.com/office/officeart/2005/8/layout/radial4"/>
    <dgm:cxn modelId="{27E39291-C793-4AE5-934B-69E2CDFB7631}" type="presOf" srcId="{E10DA03F-9837-4E46-B15A-12339D8754A2}" destId="{E47E4965-DEA0-43C6-8B01-88DB05DD63D0}" srcOrd="0" destOrd="0" presId="urn:microsoft.com/office/officeart/2005/8/layout/radial4"/>
    <dgm:cxn modelId="{C485399E-50E0-450B-921D-5D2B002A1DC8}" type="presOf" srcId="{0CF6D8A1-57BD-476E-BF9C-9521B93718A7}" destId="{C07961B7-F270-41CB-B335-2F7F0673A3A4}" srcOrd="0" destOrd="0" presId="urn:microsoft.com/office/officeart/2005/8/layout/radial4"/>
    <dgm:cxn modelId="{E1EA7A9F-6295-48AF-986A-0DBA3AD43674}" srcId="{CA229ABB-6AE2-4231-AB9C-79140C250910}" destId="{E10DA03F-9837-4E46-B15A-12339D8754A2}" srcOrd="8" destOrd="0" parTransId="{D019D8CB-5FD2-427F-8F88-B3CAE14BDF03}" sibTransId="{7C6DBF48-2D8E-41EF-9FE5-9256225E8043}"/>
    <dgm:cxn modelId="{9A3AD7A6-F09F-4595-BA16-B49EB87E11F9}" type="presOf" srcId="{E878A2C6-1C9C-43A7-910D-12404AF2A0A3}" destId="{6B87873A-FAAB-4BD8-942E-3A37991CB3ED}" srcOrd="0" destOrd="0" presId="urn:microsoft.com/office/officeart/2005/8/layout/radial4"/>
    <dgm:cxn modelId="{ABD00BBD-B3BC-470C-A817-9BEC31CEE1E0}" type="presOf" srcId="{13E0A689-F716-4E3E-BA14-DFB80AD8AECF}" destId="{0AB9F6B9-2E7A-4328-AF7E-AAD1DA9ECC16}" srcOrd="0" destOrd="0" presId="urn:microsoft.com/office/officeart/2005/8/layout/radial4"/>
    <dgm:cxn modelId="{CB5878CD-3BB9-4A37-9918-BBC37E054887}" srcId="{CA229ABB-6AE2-4231-AB9C-79140C250910}" destId="{8D242984-4D20-4420-8AB5-2CC1B1869FD0}" srcOrd="1" destOrd="0" parTransId="{B2D04BE8-32DB-47CB-A443-33BB2978CA7B}" sibTransId="{746899AA-5F6C-4DA0-B14E-63AADA8C6976}"/>
    <dgm:cxn modelId="{AB267CCE-E886-47F3-88C2-27EC87AE1C39}" type="presOf" srcId="{B1CEAAE7-9C46-4A80-8663-B89798F9DF56}" destId="{E6B5C0C3-1107-4481-ADE9-C2EAAC4A4E9D}" srcOrd="0" destOrd="0" presId="urn:microsoft.com/office/officeart/2005/8/layout/radial4"/>
    <dgm:cxn modelId="{D3CEC9D0-19CE-47FD-9C39-8B37E8B59D6E}" type="presOf" srcId="{AF54C199-34F2-4576-A470-038C05F06227}" destId="{35897AB9-F50F-4154-B1CE-29D21B0F3317}" srcOrd="0" destOrd="0" presId="urn:microsoft.com/office/officeart/2005/8/layout/radial4"/>
    <dgm:cxn modelId="{0F663FD7-E8FC-44C6-A08E-D7827F1292F4}" srcId="{CA229ABB-6AE2-4231-AB9C-79140C250910}" destId="{B1CEAAE7-9C46-4A80-8663-B89798F9DF56}" srcOrd="2" destOrd="0" parTransId="{AF54C199-34F2-4576-A470-038C05F06227}" sibTransId="{31BFEC28-14D7-4CBB-B959-A8192F14428B}"/>
    <dgm:cxn modelId="{01790DD8-2D7C-4B53-AC84-EBEBA478F040}" srcId="{8E3E94BA-D697-405F-A318-EA03B71043F2}" destId="{CA229ABB-6AE2-4231-AB9C-79140C250910}" srcOrd="0" destOrd="0" parTransId="{C993DEA3-556F-4EF3-9F3C-661231386469}" sibTransId="{FBC5D5BC-2072-40AA-9AAA-02DD83863D07}"/>
    <dgm:cxn modelId="{74F579DD-541E-4CE2-806A-009178432BBE}" type="presOf" srcId="{8314E38B-393D-44A0-9B1F-6F7BA1B90BE8}" destId="{E77A35C0-00E7-44E0-B0A1-3F6AE8CFB3DF}" srcOrd="0" destOrd="0" presId="urn:microsoft.com/office/officeart/2005/8/layout/radial4"/>
    <dgm:cxn modelId="{871CBFEA-56BB-4684-8CB5-ACEE317FD6AA}" type="presOf" srcId="{D019D8CB-5FD2-427F-8F88-B3CAE14BDF03}" destId="{1881CE8C-BC11-4228-9FA7-6F7000ECA4A9}" srcOrd="0" destOrd="0" presId="urn:microsoft.com/office/officeart/2005/8/layout/radial4"/>
    <dgm:cxn modelId="{80AA10ED-9824-4CDA-BD0F-EF386DB42861}" type="presOf" srcId="{B5966880-1BAF-4759-9837-F8DBB6BB5B3D}" destId="{2C555422-FC23-4E36-8FE8-A7AD35C67F61}" srcOrd="0" destOrd="0" presId="urn:microsoft.com/office/officeart/2005/8/layout/radial4"/>
    <dgm:cxn modelId="{A36940C2-7E31-48FE-83E8-46E9956AEC70}" type="presParOf" srcId="{872DF698-410E-4CC9-8C1B-E6AFD1A2A661}" destId="{7F6A5EDD-A51C-42A9-A90F-0AF8FF987BDD}" srcOrd="0" destOrd="0" presId="urn:microsoft.com/office/officeart/2005/8/layout/radial4"/>
    <dgm:cxn modelId="{365A4352-29A7-4B4C-988C-1AC9268398C9}" type="presParOf" srcId="{872DF698-410E-4CC9-8C1B-E6AFD1A2A661}" destId="{E77A35C0-00E7-44E0-B0A1-3F6AE8CFB3DF}" srcOrd="1" destOrd="0" presId="urn:microsoft.com/office/officeart/2005/8/layout/radial4"/>
    <dgm:cxn modelId="{59671672-5229-4AC9-B62A-161F847C8AB6}" type="presParOf" srcId="{872DF698-410E-4CC9-8C1B-E6AFD1A2A661}" destId="{686F645D-3221-4AED-A5B5-C40C09203A41}" srcOrd="2" destOrd="0" presId="urn:microsoft.com/office/officeart/2005/8/layout/radial4"/>
    <dgm:cxn modelId="{0A76ACA0-D5EE-4767-B6FD-6E6CE64E1983}" type="presParOf" srcId="{872DF698-410E-4CC9-8C1B-E6AFD1A2A661}" destId="{464D594D-242C-463E-B32E-1053E8E227D6}" srcOrd="3" destOrd="0" presId="urn:microsoft.com/office/officeart/2005/8/layout/radial4"/>
    <dgm:cxn modelId="{A4FFC25D-8CDD-4312-8990-91576E7FF552}" type="presParOf" srcId="{872DF698-410E-4CC9-8C1B-E6AFD1A2A661}" destId="{4F893C72-34C1-42AA-8331-37B665C2F9B2}" srcOrd="4" destOrd="0" presId="urn:microsoft.com/office/officeart/2005/8/layout/radial4"/>
    <dgm:cxn modelId="{5F4601C8-0C5F-4E21-8419-53A067A3C4B7}" type="presParOf" srcId="{872DF698-410E-4CC9-8C1B-E6AFD1A2A661}" destId="{35897AB9-F50F-4154-B1CE-29D21B0F3317}" srcOrd="5" destOrd="0" presId="urn:microsoft.com/office/officeart/2005/8/layout/radial4"/>
    <dgm:cxn modelId="{C63FFD64-896D-4BB1-B424-EAF85BDB2241}" type="presParOf" srcId="{872DF698-410E-4CC9-8C1B-E6AFD1A2A661}" destId="{E6B5C0C3-1107-4481-ADE9-C2EAAC4A4E9D}" srcOrd="6" destOrd="0" presId="urn:microsoft.com/office/officeart/2005/8/layout/radial4"/>
    <dgm:cxn modelId="{AFAB5F47-53CE-46FF-A82A-65FDB65E83A6}" type="presParOf" srcId="{872DF698-410E-4CC9-8C1B-E6AFD1A2A661}" destId="{0AB9F6B9-2E7A-4328-AF7E-AAD1DA9ECC16}" srcOrd="7" destOrd="0" presId="urn:microsoft.com/office/officeart/2005/8/layout/radial4"/>
    <dgm:cxn modelId="{6A3867A5-F7F6-4C54-BCAB-42D4A7362775}" type="presParOf" srcId="{872DF698-410E-4CC9-8C1B-E6AFD1A2A661}" destId="{CB7D79E4-17BA-40DA-9984-4206026BEABB}" srcOrd="8" destOrd="0" presId="urn:microsoft.com/office/officeart/2005/8/layout/radial4"/>
    <dgm:cxn modelId="{ECC17E47-4CB0-49F6-8CE1-9A963A1D0069}" type="presParOf" srcId="{872DF698-410E-4CC9-8C1B-E6AFD1A2A661}" destId="{2C555422-FC23-4E36-8FE8-A7AD35C67F61}" srcOrd="9" destOrd="0" presId="urn:microsoft.com/office/officeart/2005/8/layout/radial4"/>
    <dgm:cxn modelId="{6D73EBF6-9708-43DC-9E7D-3701245174C0}" type="presParOf" srcId="{872DF698-410E-4CC9-8C1B-E6AFD1A2A661}" destId="{B7E099AC-2BC6-44CB-8B75-6279FF84CE54}" srcOrd="10" destOrd="0" presId="urn:microsoft.com/office/officeart/2005/8/layout/radial4"/>
    <dgm:cxn modelId="{F1B5B7E3-1519-4BD8-AECA-4BD156745E3D}" type="presParOf" srcId="{872DF698-410E-4CC9-8C1B-E6AFD1A2A661}" destId="{2C819C2B-AA88-440D-B78F-7727F99136C4}" srcOrd="11" destOrd="0" presId="urn:microsoft.com/office/officeart/2005/8/layout/radial4"/>
    <dgm:cxn modelId="{4104114B-1F28-418F-8694-A7D7F018E19B}" type="presParOf" srcId="{872DF698-410E-4CC9-8C1B-E6AFD1A2A661}" destId="{C07961B7-F270-41CB-B335-2F7F0673A3A4}" srcOrd="12" destOrd="0" presId="urn:microsoft.com/office/officeart/2005/8/layout/radial4"/>
    <dgm:cxn modelId="{78E82DED-D9CC-4FCF-B1BB-D0487D522C8E}" type="presParOf" srcId="{872DF698-410E-4CC9-8C1B-E6AFD1A2A661}" destId="{1AA61B0E-9BC7-4FC4-AA70-CDB3E63E3C13}" srcOrd="13" destOrd="0" presId="urn:microsoft.com/office/officeart/2005/8/layout/radial4"/>
    <dgm:cxn modelId="{1C4CD49F-DE60-4329-8C17-A45782E5698B}" type="presParOf" srcId="{872DF698-410E-4CC9-8C1B-E6AFD1A2A661}" destId="{6B87873A-FAAB-4BD8-942E-3A37991CB3ED}" srcOrd="14" destOrd="0" presId="urn:microsoft.com/office/officeart/2005/8/layout/radial4"/>
    <dgm:cxn modelId="{989EAA70-3D18-4A32-8554-B880308929F2}" type="presParOf" srcId="{872DF698-410E-4CC9-8C1B-E6AFD1A2A661}" destId="{692340EB-9F57-4476-863F-827CCA3284A9}" srcOrd="15" destOrd="0" presId="urn:microsoft.com/office/officeart/2005/8/layout/radial4"/>
    <dgm:cxn modelId="{D1A616E4-D4CB-4543-8892-3D0A52CC570A}" type="presParOf" srcId="{872DF698-410E-4CC9-8C1B-E6AFD1A2A661}" destId="{06049927-BC8F-4554-B321-E31D0020C12A}" srcOrd="16" destOrd="0" presId="urn:microsoft.com/office/officeart/2005/8/layout/radial4"/>
    <dgm:cxn modelId="{6702CE77-9CCB-4A42-9E3D-F20A4DF9D38E}" type="presParOf" srcId="{872DF698-410E-4CC9-8C1B-E6AFD1A2A661}" destId="{1881CE8C-BC11-4228-9FA7-6F7000ECA4A9}" srcOrd="17" destOrd="0" presId="urn:microsoft.com/office/officeart/2005/8/layout/radial4"/>
    <dgm:cxn modelId="{D1CFF81E-047B-49A9-A6C5-227EFEE7B788}" type="presParOf" srcId="{872DF698-410E-4CC9-8C1B-E6AFD1A2A661}" destId="{E47E4965-DEA0-43C6-8B01-88DB05DD63D0}" srcOrd="18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B70F6F8F-F4EB-45A5-9BA8-1AC3C1A2727A}" type="doc">
      <dgm:prSet loTypeId="urn:microsoft.com/office/officeart/2005/8/layout/process2" loCatId="process" qsTypeId="urn:microsoft.com/office/officeart/2005/8/quickstyle/simple1" qsCatId="simple" csTypeId="urn:microsoft.com/office/officeart/2005/8/colors/accent1_2" csCatId="accent1" phldr="1"/>
      <dgm:spPr/>
    </dgm:pt>
    <dgm:pt modelId="{9C46E08B-6DA2-46B6-93BF-614CCB75BEB8}">
      <dgm:prSet phldrT="[Text]" custT="1"/>
      <dgm:spPr/>
      <dgm:t>
        <a:bodyPr/>
        <a:lstStyle/>
        <a:p>
          <a:r>
            <a:rPr lang="en-US" sz="1800"/>
            <a:t>Determine District Needs</a:t>
          </a:r>
        </a:p>
      </dgm:t>
    </dgm:pt>
    <dgm:pt modelId="{342B83DD-1E00-4136-861B-CEB78E190A1C}" type="parTrans" cxnId="{ADC26F56-2901-4B8C-888F-A005C97E8D3A}">
      <dgm:prSet/>
      <dgm:spPr/>
      <dgm:t>
        <a:bodyPr/>
        <a:lstStyle/>
        <a:p>
          <a:endParaRPr lang="en-US"/>
        </a:p>
      </dgm:t>
    </dgm:pt>
    <dgm:pt modelId="{F1E12EC1-FFD9-4EB9-A1E6-6FBB0D2997A5}" type="sibTrans" cxnId="{ADC26F56-2901-4B8C-888F-A005C97E8D3A}">
      <dgm:prSet/>
      <dgm:spPr/>
      <dgm:t>
        <a:bodyPr/>
        <a:lstStyle/>
        <a:p>
          <a:endParaRPr lang="en-US"/>
        </a:p>
      </dgm:t>
    </dgm:pt>
    <dgm:pt modelId="{CD7FE05D-F0DF-4AE3-8C79-8CAE069BCEDE}">
      <dgm:prSet phldrT="[Text]" custT="1"/>
      <dgm:spPr/>
      <dgm:t>
        <a:bodyPr/>
        <a:lstStyle/>
        <a:p>
          <a:r>
            <a:rPr lang="en-US" sz="1800"/>
            <a:t>Update Bandwidth</a:t>
          </a:r>
        </a:p>
      </dgm:t>
    </dgm:pt>
    <dgm:pt modelId="{04C28F2C-55B3-4A94-B600-4271499336CD}" type="parTrans" cxnId="{197DA815-70A0-4A13-B8AA-68A70B81BF57}">
      <dgm:prSet/>
      <dgm:spPr/>
      <dgm:t>
        <a:bodyPr/>
        <a:lstStyle/>
        <a:p>
          <a:endParaRPr lang="en-US"/>
        </a:p>
      </dgm:t>
    </dgm:pt>
    <dgm:pt modelId="{6D7A4EF4-81DD-443C-B728-B1797E15BC3B}" type="sibTrans" cxnId="{197DA815-70A0-4A13-B8AA-68A70B81BF57}">
      <dgm:prSet/>
      <dgm:spPr/>
      <dgm:t>
        <a:bodyPr/>
        <a:lstStyle/>
        <a:p>
          <a:endParaRPr lang="en-US"/>
        </a:p>
      </dgm:t>
    </dgm:pt>
    <dgm:pt modelId="{00A89CC0-6659-480D-9DE1-031E9C5764A6}">
      <dgm:prSet custT="1"/>
      <dgm:spPr/>
      <dgm:t>
        <a:bodyPr/>
        <a:lstStyle/>
        <a:p>
          <a:r>
            <a:rPr lang="en-US" sz="1800"/>
            <a:t>Familiarize Students with </a:t>
          </a:r>
          <a:br>
            <a:rPr lang="en-US" sz="1800"/>
          </a:br>
          <a:r>
            <a:rPr lang="en-US" sz="1800"/>
            <a:t>Test Format</a:t>
          </a:r>
        </a:p>
      </dgm:t>
    </dgm:pt>
    <dgm:pt modelId="{9FCDC2EC-B049-4D26-945B-1BB0157C48B2}" type="parTrans" cxnId="{F4A4F310-741B-43FE-85C2-451BF2CB6A2F}">
      <dgm:prSet/>
      <dgm:spPr/>
      <dgm:t>
        <a:bodyPr/>
        <a:lstStyle/>
        <a:p>
          <a:endParaRPr lang="en-US"/>
        </a:p>
      </dgm:t>
    </dgm:pt>
    <dgm:pt modelId="{AC73CC36-71DD-4DED-B14D-E7C8C425C55B}" type="sibTrans" cxnId="{F4A4F310-741B-43FE-85C2-451BF2CB6A2F}">
      <dgm:prSet/>
      <dgm:spPr/>
      <dgm:t>
        <a:bodyPr/>
        <a:lstStyle/>
        <a:p>
          <a:endParaRPr lang="en-US"/>
        </a:p>
      </dgm:t>
    </dgm:pt>
    <dgm:pt modelId="{DCDF3D33-7810-4405-AA6C-EE189DDE37C4}">
      <dgm:prSet custT="1"/>
      <dgm:spPr/>
      <dgm:t>
        <a:bodyPr/>
        <a:lstStyle/>
        <a:p>
          <a:r>
            <a:rPr lang="en-US" sz="1800"/>
            <a:t>Implement Secure Practice Test</a:t>
          </a:r>
        </a:p>
      </dgm:t>
    </dgm:pt>
    <dgm:pt modelId="{71C6F8E3-DBC0-4F88-A387-DAA75F9D1C0E}" type="parTrans" cxnId="{94EE8731-98FA-4D18-B89A-5C168F72FB5E}">
      <dgm:prSet/>
      <dgm:spPr/>
      <dgm:t>
        <a:bodyPr/>
        <a:lstStyle/>
        <a:p>
          <a:endParaRPr lang="en-US"/>
        </a:p>
      </dgm:t>
    </dgm:pt>
    <dgm:pt modelId="{EE1696E6-F349-4A91-BB4A-21D9B7E4D96D}" type="sibTrans" cxnId="{94EE8731-98FA-4D18-B89A-5C168F72FB5E}">
      <dgm:prSet/>
      <dgm:spPr/>
      <dgm:t>
        <a:bodyPr/>
        <a:lstStyle/>
        <a:p>
          <a:endParaRPr lang="en-US"/>
        </a:p>
      </dgm:t>
    </dgm:pt>
    <dgm:pt modelId="{751CA07B-F587-4E2A-9F3C-BC7A2B54CD43}">
      <dgm:prSet custT="1"/>
      <dgm:spPr/>
      <dgm:t>
        <a:bodyPr/>
        <a:lstStyle/>
        <a:p>
          <a:r>
            <a:rPr lang="en-US" sz="1800"/>
            <a:t>Reevaluate System Setup</a:t>
          </a:r>
        </a:p>
      </dgm:t>
    </dgm:pt>
    <dgm:pt modelId="{F69C4EF6-DDF2-460E-850F-F8235D46ABB7}" type="parTrans" cxnId="{C78C2BC5-40A2-4E8A-8F44-74F0E7D20D8D}">
      <dgm:prSet/>
      <dgm:spPr/>
      <dgm:t>
        <a:bodyPr/>
        <a:lstStyle/>
        <a:p>
          <a:endParaRPr lang="en-US"/>
        </a:p>
      </dgm:t>
    </dgm:pt>
    <dgm:pt modelId="{2900C497-26AA-4B71-A0AC-382F784F3AEB}" type="sibTrans" cxnId="{C78C2BC5-40A2-4E8A-8F44-74F0E7D20D8D}">
      <dgm:prSet/>
      <dgm:spPr/>
      <dgm:t>
        <a:bodyPr/>
        <a:lstStyle/>
        <a:p>
          <a:endParaRPr lang="en-US"/>
        </a:p>
      </dgm:t>
    </dgm:pt>
    <dgm:pt modelId="{C08AA1BF-50F9-442C-BA4B-AFF2ABDC9A9A}">
      <dgm:prSet phldrT="[Text]" custT="1"/>
      <dgm:spPr/>
      <dgm:t>
        <a:bodyPr/>
        <a:lstStyle/>
        <a:p>
          <a:r>
            <a:rPr lang="en-US" sz="1800"/>
            <a:t>Review System Requirements</a:t>
          </a:r>
        </a:p>
      </dgm:t>
    </dgm:pt>
    <dgm:pt modelId="{94B75CF3-4126-4475-87F9-79DBDDB85EEB}" type="parTrans" cxnId="{B6C1E089-309F-4FC7-B3F5-CFAB62D952C9}">
      <dgm:prSet/>
      <dgm:spPr/>
      <dgm:t>
        <a:bodyPr/>
        <a:lstStyle/>
        <a:p>
          <a:endParaRPr lang="en-US"/>
        </a:p>
      </dgm:t>
    </dgm:pt>
    <dgm:pt modelId="{3556EBA4-25AB-4ADF-8DC0-F2C9118EB9CD}" type="sibTrans" cxnId="{B6C1E089-309F-4FC7-B3F5-CFAB62D952C9}">
      <dgm:prSet/>
      <dgm:spPr/>
      <dgm:t>
        <a:bodyPr/>
        <a:lstStyle/>
        <a:p>
          <a:endParaRPr lang="en-US"/>
        </a:p>
      </dgm:t>
    </dgm:pt>
    <dgm:pt modelId="{A45DCFCA-9CF9-4604-947F-7CCB2EC84678}">
      <dgm:prSet phldrT="[Text]" custT="1"/>
      <dgm:spPr/>
      <dgm:t>
        <a:bodyPr/>
        <a:lstStyle/>
        <a:p>
          <a:r>
            <a:rPr lang="en-US" sz="1800"/>
            <a:t>Purchase Machines</a:t>
          </a:r>
        </a:p>
      </dgm:t>
    </dgm:pt>
    <dgm:pt modelId="{0E1014D2-CC3B-44D2-BEE0-C3AF8A2AA929}" type="parTrans" cxnId="{77DE99F7-1ABD-4AC6-A823-56DE37339374}">
      <dgm:prSet/>
      <dgm:spPr/>
      <dgm:t>
        <a:bodyPr/>
        <a:lstStyle/>
        <a:p>
          <a:endParaRPr lang="en-US"/>
        </a:p>
      </dgm:t>
    </dgm:pt>
    <dgm:pt modelId="{096656E2-DD3F-4921-83C0-4D01A54C6FF7}" type="sibTrans" cxnId="{77DE99F7-1ABD-4AC6-A823-56DE37339374}">
      <dgm:prSet/>
      <dgm:spPr/>
      <dgm:t>
        <a:bodyPr/>
        <a:lstStyle/>
        <a:p>
          <a:endParaRPr lang="en-US"/>
        </a:p>
      </dgm:t>
    </dgm:pt>
    <dgm:pt modelId="{776E4ADA-B2D7-45A2-8710-38E3394666D1}" type="pres">
      <dgm:prSet presAssocID="{B70F6F8F-F4EB-45A5-9BA8-1AC3C1A2727A}" presName="linearFlow" presStyleCnt="0">
        <dgm:presLayoutVars>
          <dgm:resizeHandles val="exact"/>
        </dgm:presLayoutVars>
      </dgm:prSet>
      <dgm:spPr/>
    </dgm:pt>
    <dgm:pt modelId="{4F02C742-A25E-4D8A-B47B-40A115529A6D}" type="pres">
      <dgm:prSet presAssocID="{C08AA1BF-50F9-442C-BA4B-AFF2ABDC9A9A}" presName="node" presStyleLbl="node1" presStyleIdx="0" presStyleCnt="7" custScaleX="166400">
        <dgm:presLayoutVars>
          <dgm:bulletEnabled val="1"/>
        </dgm:presLayoutVars>
      </dgm:prSet>
      <dgm:spPr/>
    </dgm:pt>
    <dgm:pt modelId="{38C700F2-8888-47D8-962B-0BF049EB1DB4}" type="pres">
      <dgm:prSet presAssocID="{3556EBA4-25AB-4ADF-8DC0-F2C9118EB9CD}" presName="sibTrans" presStyleLbl="sibTrans2D1" presStyleIdx="0" presStyleCnt="6"/>
      <dgm:spPr/>
    </dgm:pt>
    <dgm:pt modelId="{5D61FB1E-6634-4FAC-9773-FE06309C0DF4}" type="pres">
      <dgm:prSet presAssocID="{3556EBA4-25AB-4ADF-8DC0-F2C9118EB9CD}" presName="connectorText" presStyleLbl="sibTrans2D1" presStyleIdx="0" presStyleCnt="6"/>
      <dgm:spPr/>
    </dgm:pt>
    <dgm:pt modelId="{C5C877CD-2321-4EB3-8110-A5667F4C2BCC}" type="pres">
      <dgm:prSet presAssocID="{9C46E08B-6DA2-46B6-93BF-614CCB75BEB8}" presName="node" presStyleLbl="node1" presStyleIdx="1" presStyleCnt="7" custScaleX="168593">
        <dgm:presLayoutVars>
          <dgm:bulletEnabled val="1"/>
        </dgm:presLayoutVars>
      </dgm:prSet>
      <dgm:spPr/>
    </dgm:pt>
    <dgm:pt modelId="{A86194B5-E5BB-4D18-94ED-55852504D7EE}" type="pres">
      <dgm:prSet presAssocID="{F1E12EC1-FFD9-4EB9-A1E6-6FBB0D2997A5}" presName="sibTrans" presStyleLbl="sibTrans2D1" presStyleIdx="1" presStyleCnt="6"/>
      <dgm:spPr/>
    </dgm:pt>
    <dgm:pt modelId="{6750C41C-9C62-4696-90A2-C699AF873A4F}" type="pres">
      <dgm:prSet presAssocID="{F1E12EC1-FFD9-4EB9-A1E6-6FBB0D2997A5}" presName="connectorText" presStyleLbl="sibTrans2D1" presStyleIdx="1" presStyleCnt="6"/>
      <dgm:spPr/>
    </dgm:pt>
    <dgm:pt modelId="{74457421-24EE-4A5D-91D2-79695DBC6DB1}" type="pres">
      <dgm:prSet presAssocID="{A45DCFCA-9CF9-4604-947F-7CCB2EC84678}" presName="node" presStyleLbl="node1" presStyleIdx="2" presStyleCnt="7" custScaleX="168347">
        <dgm:presLayoutVars>
          <dgm:bulletEnabled val="1"/>
        </dgm:presLayoutVars>
      </dgm:prSet>
      <dgm:spPr/>
    </dgm:pt>
    <dgm:pt modelId="{8BE51A84-41B1-4241-9E1B-EE52E790305F}" type="pres">
      <dgm:prSet presAssocID="{096656E2-DD3F-4921-83C0-4D01A54C6FF7}" presName="sibTrans" presStyleLbl="sibTrans2D1" presStyleIdx="2" presStyleCnt="6"/>
      <dgm:spPr/>
    </dgm:pt>
    <dgm:pt modelId="{CEC5D238-63EB-46F8-B47C-035375ADF96C}" type="pres">
      <dgm:prSet presAssocID="{096656E2-DD3F-4921-83C0-4D01A54C6FF7}" presName="connectorText" presStyleLbl="sibTrans2D1" presStyleIdx="2" presStyleCnt="6"/>
      <dgm:spPr/>
    </dgm:pt>
    <dgm:pt modelId="{1247D941-260C-46D0-A6A6-D587BF6C6053}" type="pres">
      <dgm:prSet presAssocID="{CD7FE05D-F0DF-4AE3-8C79-8CAE069BCEDE}" presName="node" presStyleLbl="node1" presStyleIdx="3" presStyleCnt="7" custScaleX="168593">
        <dgm:presLayoutVars>
          <dgm:bulletEnabled val="1"/>
        </dgm:presLayoutVars>
      </dgm:prSet>
      <dgm:spPr/>
    </dgm:pt>
    <dgm:pt modelId="{19490552-E7BD-4BD7-B62E-526A639C8748}" type="pres">
      <dgm:prSet presAssocID="{6D7A4EF4-81DD-443C-B728-B1797E15BC3B}" presName="sibTrans" presStyleLbl="sibTrans2D1" presStyleIdx="3" presStyleCnt="6"/>
      <dgm:spPr/>
    </dgm:pt>
    <dgm:pt modelId="{372D8574-EBB1-4C1A-8F64-C3D77975EDD0}" type="pres">
      <dgm:prSet presAssocID="{6D7A4EF4-81DD-443C-B728-B1797E15BC3B}" presName="connectorText" presStyleLbl="sibTrans2D1" presStyleIdx="3" presStyleCnt="6"/>
      <dgm:spPr/>
    </dgm:pt>
    <dgm:pt modelId="{AA6D183B-DD97-4277-9B9F-6CA21669130C}" type="pres">
      <dgm:prSet presAssocID="{00A89CC0-6659-480D-9DE1-031E9C5764A6}" presName="node" presStyleLbl="node1" presStyleIdx="4" presStyleCnt="7" custScaleX="168593">
        <dgm:presLayoutVars>
          <dgm:bulletEnabled val="1"/>
        </dgm:presLayoutVars>
      </dgm:prSet>
      <dgm:spPr/>
    </dgm:pt>
    <dgm:pt modelId="{39AEBDDB-76B3-482E-BAF2-EC63D8105877}" type="pres">
      <dgm:prSet presAssocID="{AC73CC36-71DD-4DED-B14D-E7C8C425C55B}" presName="sibTrans" presStyleLbl="sibTrans2D1" presStyleIdx="4" presStyleCnt="6"/>
      <dgm:spPr/>
    </dgm:pt>
    <dgm:pt modelId="{292A8317-D241-4454-95F5-5BD19DE62AFE}" type="pres">
      <dgm:prSet presAssocID="{AC73CC36-71DD-4DED-B14D-E7C8C425C55B}" presName="connectorText" presStyleLbl="sibTrans2D1" presStyleIdx="4" presStyleCnt="6"/>
      <dgm:spPr/>
    </dgm:pt>
    <dgm:pt modelId="{DD8C1676-42E1-45C7-A9E5-A638D317EDFC}" type="pres">
      <dgm:prSet presAssocID="{DCDF3D33-7810-4405-AA6C-EE189DDE37C4}" presName="node" presStyleLbl="node1" presStyleIdx="5" presStyleCnt="7" custScaleX="170246">
        <dgm:presLayoutVars>
          <dgm:bulletEnabled val="1"/>
        </dgm:presLayoutVars>
      </dgm:prSet>
      <dgm:spPr/>
    </dgm:pt>
    <dgm:pt modelId="{42E3D992-93F5-4940-AF75-528E3D99D102}" type="pres">
      <dgm:prSet presAssocID="{EE1696E6-F349-4A91-BB4A-21D9B7E4D96D}" presName="sibTrans" presStyleLbl="sibTrans2D1" presStyleIdx="5" presStyleCnt="6"/>
      <dgm:spPr/>
    </dgm:pt>
    <dgm:pt modelId="{819A5A49-4F9E-45A5-A546-A9508BEDE00C}" type="pres">
      <dgm:prSet presAssocID="{EE1696E6-F349-4A91-BB4A-21D9B7E4D96D}" presName="connectorText" presStyleLbl="sibTrans2D1" presStyleIdx="5" presStyleCnt="6"/>
      <dgm:spPr/>
    </dgm:pt>
    <dgm:pt modelId="{A0735194-07F1-4E5C-823F-C6FA358118DD}" type="pres">
      <dgm:prSet presAssocID="{751CA07B-F587-4E2A-9F3C-BC7A2B54CD43}" presName="node" presStyleLbl="node1" presStyleIdx="6" presStyleCnt="7" custScaleX="175039">
        <dgm:presLayoutVars>
          <dgm:bulletEnabled val="1"/>
        </dgm:presLayoutVars>
      </dgm:prSet>
      <dgm:spPr/>
    </dgm:pt>
  </dgm:ptLst>
  <dgm:cxnLst>
    <dgm:cxn modelId="{B9CFA002-B470-4495-A6AA-BE30D118A392}" type="presOf" srcId="{F1E12EC1-FFD9-4EB9-A1E6-6FBB0D2997A5}" destId="{A86194B5-E5BB-4D18-94ED-55852504D7EE}" srcOrd="0" destOrd="0" presId="urn:microsoft.com/office/officeart/2005/8/layout/process2"/>
    <dgm:cxn modelId="{82186006-C1AB-4192-8534-9C55065F9C66}" type="presOf" srcId="{751CA07B-F587-4E2A-9F3C-BC7A2B54CD43}" destId="{A0735194-07F1-4E5C-823F-C6FA358118DD}" srcOrd="0" destOrd="0" presId="urn:microsoft.com/office/officeart/2005/8/layout/process2"/>
    <dgm:cxn modelId="{2B9AFE08-83E9-49A9-9DC3-7DAA6E2A8285}" type="presOf" srcId="{EE1696E6-F349-4A91-BB4A-21D9B7E4D96D}" destId="{42E3D992-93F5-4940-AF75-528E3D99D102}" srcOrd="0" destOrd="0" presId="urn:microsoft.com/office/officeart/2005/8/layout/process2"/>
    <dgm:cxn modelId="{F4A4F310-741B-43FE-85C2-451BF2CB6A2F}" srcId="{B70F6F8F-F4EB-45A5-9BA8-1AC3C1A2727A}" destId="{00A89CC0-6659-480D-9DE1-031E9C5764A6}" srcOrd="4" destOrd="0" parTransId="{9FCDC2EC-B049-4D26-945B-1BB0157C48B2}" sibTransId="{AC73CC36-71DD-4DED-B14D-E7C8C425C55B}"/>
    <dgm:cxn modelId="{197DA815-70A0-4A13-B8AA-68A70B81BF57}" srcId="{B70F6F8F-F4EB-45A5-9BA8-1AC3C1A2727A}" destId="{CD7FE05D-F0DF-4AE3-8C79-8CAE069BCEDE}" srcOrd="3" destOrd="0" parTransId="{04C28F2C-55B3-4A94-B600-4271499336CD}" sibTransId="{6D7A4EF4-81DD-443C-B728-B1797E15BC3B}"/>
    <dgm:cxn modelId="{DD193D1A-2A0D-44DC-AD18-64FA809EDA65}" type="presOf" srcId="{A45DCFCA-9CF9-4604-947F-7CCB2EC84678}" destId="{74457421-24EE-4A5D-91D2-79695DBC6DB1}" srcOrd="0" destOrd="0" presId="urn:microsoft.com/office/officeart/2005/8/layout/process2"/>
    <dgm:cxn modelId="{EE833429-3CBF-4F9B-93E3-FAD466AB3BFF}" type="presOf" srcId="{C08AA1BF-50F9-442C-BA4B-AFF2ABDC9A9A}" destId="{4F02C742-A25E-4D8A-B47B-40A115529A6D}" srcOrd="0" destOrd="0" presId="urn:microsoft.com/office/officeart/2005/8/layout/process2"/>
    <dgm:cxn modelId="{94EE8731-98FA-4D18-B89A-5C168F72FB5E}" srcId="{B70F6F8F-F4EB-45A5-9BA8-1AC3C1A2727A}" destId="{DCDF3D33-7810-4405-AA6C-EE189DDE37C4}" srcOrd="5" destOrd="0" parTransId="{71C6F8E3-DBC0-4F88-A387-DAA75F9D1C0E}" sibTransId="{EE1696E6-F349-4A91-BB4A-21D9B7E4D96D}"/>
    <dgm:cxn modelId="{7789EF5B-4FFB-4276-8D28-C8D67DD0D3B1}" type="presOf" srcId="{CD7FE05D-F0DF-4AE3-8C79-8CAE069BCEDE}" destId="{1247D941-260C-46D0-A6A6-D587BF6C6053}" srcOrd="0" destOrd="0" presId="urn:microsoft.com/office/officeart/2005/8/layout/process2"/>
    <dgm:cxn modelId="{5AD44D6B-FADA-4290-8F02-DBACDB39A9DC}" type="presOf" srcId="{AC73CC36-71DD-4DED-B14D-E7C8C425C55B}" destId="{292A8317-D241-4454-95F5-5BD19DE62AFE}" srcOrd="1" destOrd="0" presId="urn:microsoft.com/office/officeart/2005/8/layout/process2"/>
    <dgm:cxn modelId="{825D876D-E77C-413A-A533-314A361A66D3}" type="presOf" srcId="{096656E2-DD3F-4921-83C0-4D01A54C6FF7}" destId="{8BE51A84-41B1-4241-9E1B-EE52E790305F}" srcOrd="0" destOrd="0" presId="urn:microsoft.com/office/officeart/2005/8/layout/process2"/>
    <dgm:cxn modelId="{ADC26F56-2901-4B8C-888F-A005C97E8D3A}" srcId="{B70F6F8F-F4EB-45A5-9BA8-1AC3C1A2727A}" destId="{9C46E08B-6DA2-46B6-93BF-614CCB75BEB8}" srcOrd="1" destOrd="0" parTransId="{342B83DD-1E00-4136-861B-CEB78E190A1C}" sibTransId="{F1E12EC1-FFD9-4EB9-A1E6-6FBB0D2997A5}"/>
    <dgm:cxn modelId="{66646A57-089D-48E1-9821-FFB2ED4F7A84}" type="presOf" srcId="{AC73CC36-71DD-4DED-B14D-E7C8C425C55B}" destId="{39AEBDDB-76B3-482E-BAF2-EC63D8105877}" srcOrd="0" destOrd="0" presId="urn:microsoft.com/office/officeart/2005/8/layout/process2"/>
    <dgm:cxn modelId="{5A6C9579-FE97-4DB0-AF5B-08B212BEB79C}" type="presOf" srcId="{9C46E08B-6DA2-46B6-93BF-614CCB75BEB8}" destId="{C5C877CD-2321-4EB3-8110-A5667F4C2BCC}" srcOrd="0" destOrd="0" presId="urn:microsoft.com/office/officeart/2005/8/layout/process2"/>
    <dgm:cxn modelId="{B6C1E089-309F-4FC7-B3F5-CFAB62D952C9}" srcId="{B70F6F8F-F4EB-45A5-9BA8-1AC3C1A2727A}" destId="{C08AA1BF-50F9-442C-BA4B-AFF2ABDC9A9A}" srcOrd="0" destOrd="0" parTransId="{94B75CF3-4126-4475-87F9-79DBDDB85EEB}" sibTransId="{3556EBA4-25AB-4ADF-8DC0-F2C9118EB9CD}"/>
    <dgm:cxn modelId="{32BCB790-9B40-4028-A663-D67DF9AF9722}" type="presOf" srcId="{EE1696E6-F349-4A91-BB4A-21D9B7E4D96D}" destId="{819A5A49-4F9E-45A5-A546-A9508BEDE00C}" srcOrd="1" destOrd="0" presId="urn:microsoft.com/office/officeart/2005/8/layout/process2"/>
    <dgm:cxn modelId="{E5EA6897-1CFF-4B02-AB22-C979E10927B4}" type="presOf" srcId="{DCDF3D33-7810-4405-AA6C-EE189DDE37C4}" destId="{DD8C1676-42E1-45C7-A9E5-A638D317EDFC}" srcOrd="0" destOrd="0" presId="urn:microsoft.com/office/officeart/2005/8/layout/process2"/>
    <dgm:cxn modelId="{FDDA4599-1AC0-4A6C-A133-A7F5FF13DA5B}" type="presOf" srcId="{3556EBA4-25AB-4ADF-8DC0-F2C9118EB9CD}" destId="{5D61FB1E-6634-4FAC-9773-FE06309C0DF4}" srcOrd="1" destOrd="0" presId="urn:microsoft.com/office/officeart/2005/8/layout/process2"/>
    <dgm:cxn modelId="{8BD8FBB2-53B5-41D4-96FB-A274CF07E8AD}" type="presOf" srcId="{6D7A4EF4-81DD-443C-B728-B1797E15BC3B}" destId="{372D8574-EBB1-4C1A-8F64-C3D77975EDD0}" srcOrd="1" destOrd="0" presId="urn:microsoft.com/office/officeart/2005/8/layout/process2"/>
    <dgm:cxn modelId="{7EA2F0B6-2E6D-4682-B7A7-E8E7937CDE1C}" type="presOf" srcId="{3556EBA4-25AB-4ADF-8DC0-F2C9118EB9CD}" destId="{38C700F2-8888-47D8-962B-0BF049EB1DB4}" srcOrd="0" destOrd="0" presId="urn:microsoft.com/office/officeart/2005/8/layout/process2"/>
    <dgm:cxn modelId="{A0AADFC2-96FF-440A-9112-065A02F31828}" type="presOf" srcId="{00A89CC0-6659-480D-9DE1-031E9C5764A6}" destId="{AA6D183B-DD97-4277-9B9F-6CA21669130C}" srcOrd="0" destOrd="0" presId="urn:microsoft.com/office/officeart/2005/8/layout/process2"/>
    <dgm:cxn modelId="{C78C2BC5-40A2-4E8A-8F44-74F0E7D20D8D}" srcId="{B70F6F8F-F4EB-45A5-9BA8-1AC3C1A2727A}" destId="{751CA07B-F587-4E2A-9F3C-BC7A2B54CD43}" srcOrd="6" destOrd="0" parTransId="{F69C4EF6-DDF2-460E-850F-F8235D46ABB7}" sibTransId="{2900C497-26AA-4B71-A0AC-382F784F3AEB}"/>
    <dgm:cxn modelId="{A5AB05D1-BE56-416B-9F2A-607C4F3C0B67}" type="presOf" srcId="{B70F6F8F-F4EB-45A5-9BA8-1AC3C1A2727A}" destId="{776E4ADA-B2D7-45A2-8710-38E3394666D1}" srcOrd="0" destOrd="0" presId="urn:microsoft.com/office/officeart/2005/8/layout/process2"/>
    <dgm:cxn modelId="{EDB8B6D7-2B58-41F2-BF75-F8E96AD0F65F}" type="presOf" srcId="{6D7A4EF4-81DD-443C-B728-B1797E15BC3B}" destId="{19490552-E7BD-4BD7-B62E-526A639C8748}" srcOrd="0" destOrd="0" presId="urn:microsoft.com/office/officeart/2005/8/layout/process2"/>
    <dgm:cxn modelId="{A3FD36E0-C479-4EA8-8FA1-775F2FBF2381}" type="presOf" srcId="{F1E12EC1-FFD9-4EB9-A1E6-6FBB0D2997A5}" destId="{6750C41C-9C62-4696-90A2-C699AF873A4F}" srcOrd="1" destOrd="0" presId="urn:microsoft.com/office/officeart/2005/8/layout/process2"/>
    <dgm:cxn modelId="{F19C8BF1-2BA0-48F2-8806-2D97D46EE26A}" type="presOf" srcId="{096656E2-DD3F-4921-83C0-4D01A54C6FF7}" destId="{CEC5D238-63EB-46F8-B47C-035375ADF96C}" srcOrd="1" destOrd="0" presId="urn:microsoft.com/office/officeart/2005/8/layout/process2"/>
    <dgm:cxn modelId="{77DE99F7-1ABD-4AC6-A823-56DE37339374}" srcId="{B70F6F8F-F4EB-45A5-9BA8-1AC3C1A2727A}" destId="{A45DCFCA-9CF9-4604-947F-7CCB2EC84678}" srcOrd="2" destOrd="0" parTransId="{0E1014D2-CC3B-44D2-BEE0-C3AF8A2AA929}" sibTransId="{096656E2-DD3F-4921-83C0-4D01A54C6FF7}"/>
    <dgm:cxn modelId="{44E9A837-3479-4F71-826F-AB2C1AE41763}" type="presParOf" srcId="{776E4ADA-B2D7-45A2-8710-38E3394666D1}" destId="{4F02C742-A25E-4D8A-B47B-40A115529A6D}" srcOrd="0" destOrd="0" presId="urn:microsoft.com/office/officeart/2005/8/layout/process2"/>
    <dgm:cxn modelId="{2C2DE100-9646-4BFD-808F-EF2E4BF261F0}" type="presParOf" srcId="{776E4ADA-B2D7-45A2-8710-38E3394666D1}" destId="{38C700F2-8888-47D8-962B-0BF049EB1DB4}" srcOrd="1" destOrd="0" presId="urn:microsoft.com/office/officeart/2005/8/layout/process2"/>
    <dgm:cxn modelId="{D15E1FBD-9645-462F-83A4-7913688F8BDD}" type="presParOf" srcId="{38C700F2-8888-47D8-962B-0BF049EB1DB4}" destId="{5D61FB1E-6634-4FAC-9773-FE06309C0DF4}" srcOrd="0" destOrd="0" presId="urn:microsoft.com/office/officeart/2005/8/layout/process2"/>
    <dgm:cxn modelId="{245963E4-87DC-469D-BFE7-52C6A2359900}" type="presParOf" srcId="{776E4ADA-B2D7-45A2-8710-38E3394666D1}" destId="{C5C877CD-2321-4EB3-8110-A5667F4C2BCC}" srcOrd="2" destOrd="0" presId="urn:microsoft.com/office/officeart/2005/8/layout/process2"/>
    <dgm:cxn modelId="{A3569DA6-9C99-4672-B650-909A91EB114F}" type="presParOf" srcId="{776E4ADA-B2D7-45A2-8710-38E3394666D1}" destId="{A86194B5-E5BB-4D18-94ED-55852504D7EE}" srcOrd="3" destOrd="0" presId="urn:microsoft.com/office/officeart/2005/8/layout/process2"/>
    <dgm:cxn modelId="{2E663B4D-8EAC-4616-B53C-43530F98CFFE}" type="presParOf" srcId="{A86194B5-E5BB-4D18-94ED-55852504D7EE}" destId="{6750C41C-9C62-4696-90A2-C699AF873A4F}" srcOrd="0" destOrd="0" presId="urn:microsoft.com/office/officeart/2005/8/layout/process2"/>
    <dgm:cxn modelId="{17DCC89A-D9FB-4BDC-9354-4AAFEE259C6E}" type="presParOf" srcId="{776E4ADA-B2D7-45A2-8710-38E3394666D1}" destId="{74457421-24EE-4A5D-91D2-79695DBC6DB1}" srcOrd="4" destOrd="0" presId="urn:microsoft.com/office/officeart/2005/8/layout/process2"/>
    <dgm:cxn modelId="{1E311423-B391-4C3E-B6DB-0E996E60D678}" type="presParOf" srcId="{776E4ADA-B2D7-45A2-8710-38E3394666D1}" destId="{8BE51A84-41B1-4241-9E1B-EE52E790305F}" srcOrd="5" destOrd="0" presId="urn:microsoft.com/office/officeart/2005/8/layout/process2"/>
    <dgm:cxn modelId="{CAC0F1D2-5688-43DA-AEA4-B0602AF1FA28}" type="presParOf" srcId="{8BE51A84-41B1-4241-9E1B-EE52E790305F}" destId="{CEC5D238-63EB-46F8-B47C-035375ADF96C}" srcOrd="0" destOrd="0" presId="urn:microsoft.com/office/officeart/2005/8/layout/process2"/>
    <dgm:cxn modelId="{07394D44-A430-45B3-AFDC-29F64AE60A58}" type="presParOf" srcId="{776E4ADA-B2D7-45A2-8710-38E3394666D1}" destId="{1247D941-260C-46D0-A6A6-D587BF6C6053}" srcOrd="6" destOrd="0" presId="urn:microsoft.com/office/officeart/2005/8/layout/process2"/>
    <dgm:cxn modelId="{160BA4A4-181B-40E0-B623-8DD2B5CF77E6}" type="presParOf" srcId="{776E4ADA-B2D7-45A2-8710-38E3394666D1}" destId="{19490552-E7BD-4BD7-B62E-526A639C8748}" srcOrd="7" destOrd="0" presId="urn:microsoft.com/office/officeart/2005/8/layout/process2"/>
    <dgm:cxn modelId="{45DBBE7F-9D04-4BDB-8B24-D1CB953C0818}" type="presParOf" srcId="{19490552-E7BD-4BD7-B62E-526A639C8748}" destId="{372D8574-EBB1-4C1A-8F64-C3D77975EDD0}" srcOrd="0" destOrd="0" presId="urn:microsoft.com/office/officeart/2005/8/layout/process2"/>
    <dgm:cxn modelId="{5F8DF824-15B8-423A-9805-9391D4EB51A1}" type="presParOf" srcId="{776E4ADA-B2D7-45A2-8710-38E3394666D1}" destId="{AA6D183B-DD97-4277-9B9F-6CA21669130C}" srcOrd="8" destOrd="0" presId="urn:microsoft.com/office/officeart/2005/8/layout/process2"/>
    <dgm:cxn modelId="{FAF6005D-DDE9-4B51-AEAD-CC02599777EB}" type="presParOf" srcId="{776E4ADA-B2D7-45A2-8710-38E3394666D1}" destId="{39AEBDDB-76B3-482E-BAF2-EC63D8105877}" srcOrd="9" destOrd="0" presId="urn:microsoft.com/office/officeart/2005/8/layout/process2"/>
    <dgm:cxn modelId="{5E909223-6CF3-47AA-BB2A-D24E272D5C4F}" type="presParOf" srcId="{39AEBDDB-76B3-482E-BAF2-EC63D8105877}" destId="{292A8317-D241-4454-95F5-5BD19DE62AFE}" srcOrd="0" destOrd="0" presId="urn:microsoft.com/office/officeart/2005/8/layout/process2"/>
    <dgm:cxn modelId="{D32A9982-BD83-4F34-85BC-B6F47F6A528A}" type="presParOf" srcId="{776E4ADA-B2D7-45A2-8710-38E3394666D1}" destId="{DD8C1676-42E1-45C7-A9E5-A638D317EDFC}" srcOrd="10" destOrd="0" presId="urn:microsoft.com/office/officeart/2005/8/layout/process2"/>
    <dgm:cxn modelId="{DABBA7B9-21DB-4502-8ADF-5DFBC5A0B6E4}" type="presParOf" srcId="{776E4ADA-B2D7-45A2-8710-38E3394666D1}" destId="{42E3D992-93F5-4940-AF75-528E3D99D102}" srcOrd="11" destOrd="0" presId="urn:microsoft.com/office/officeart/2005/8/layout/process2"/>
    <dgm:cxn modelId="{D6832827-6EBF-4541-8760-175B4C90ACAF}" type="presParOf" srcId="{42E3D992-93F5-4940-AF75-528E3D99D102}" destId="{819A5A49-4F9E-45A5-A546-A9508BEDE00C}" srcOrd="0" destOrd="0" presId="urn:microsoft.com/office/officeart/2005/8/layout/process2"/>
    <dgm:cxn modelId="{C7AFE107-F0CE-4CD7-AD9C-05EF5F0A1729}" type="presParOf" srcId="{776E4ADA-B2D7-45A2-8710-38E3394666D1}" destId="{A0735194-07F1-4E5C-823F-C6FA358118DD}" srcOrd="1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A4B1E6CA-2FB9-42D3-B9AF-1006FAA5A67E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2282E471-FE06-4670-9985-1BF2D5327220}">
      <dgm:prSet phldrT="[Text]" custT="1"/>
      <dgm:spPr/>
      <dgm:t>
        <a:bodyPr/>
        <a:lstStyle/>
        <a:p>
          <a:pPr>
            <a:buFont typeface="Arial" panose="020B0604020202020204" pitchFamily="34" charset="0"/>
            <a:buNone/>
          </a:pPr>
          <a:r>
            <a:rPr lang="en-US" sz="1800" b="1">
              <a:solidFill>
                <a:schemeClr val="tx1"/>
              </a:solidFill>
              <a:latin typeface="Arial Rounded MT Bold" panose="020F0704030504030204" pitchFamily="34" charset="0"/>
              <a:ea typeface="+mj-ea"/>
              <a:cs typeface="+mj-cs"/>
            </a:rPr>
            <a:t>Secure Practice Test</a:t>
          </a:r>
          <a:endParaRPr lang="en-US" sz="1800">
            <a:solidFill>
              <a:schemeClr val="tx1"/>
            </a:solidFill>
          </a:endParaRPr>
        </a:p>
      </dgm:t>
    </dgm:pt>
    <dgm:pt modelId="{968B49BF-F278-4B6E-B7CA-1C36EA8D68B2}" type="parTrans" cxnId="{5FD79C30-3230-40E8-820F-8E6D7FF001A8}">
      <dgm:prSet/>
      <dgm:spPr/>
      <dgm:t>
        <a:bodyPr/>
        <a:lstStyle/>
        <a:p>
          <a:endParaRPr lang="en-US"/>
        </a:p>
      </dgm:t>
    </dgm:pt>
    <dgm:pt modelId="{BA3F10D1-078D-4E49-ABD1-1C61DF092E7A}" type="sibTrans" cxnId="{5FD79C30-3230-40E8-820F-8E6D7FF001A8}">
      <dgm:prSet/>
      <dgm:spPr/>
      <dgm:t>
        <a:bodyPr/>
        <a:lstStyle/>
        <a:p>
          <a:endParaRPr lang="en-US"/>
        </a:p>
      </dgm:t>
    </dgm:pt>
    <dgm:pt modelId="{14168358-9C81-4B0C-876C-3E6C66F6751D}">
      <dgm:prSet phldrT="[Text]" custT="1"/>
      <dgm:spPr/>
      <dgm:t>
        <a:bodyPr/>
        <a:lstStyle/>
        <a:p>
          <a:r>
            <a:rPr lang="en-US" sz="1600"/>
            <a:t>Tickets found in pdf format in General Information of eDIRECT</a:t>
          </a:r>
        </a:p>
      </dgm:t>
    </dgm:pt>
    <dgm:pt modelId="{52F10882-61BE-4912-9D6A-73AD0233E0BC}" type="parTrans" cxnId="{9AF0359F-D5F2-423E-9ABE-D92F4ACECE10}">
      <dgm:prSet/>
      <dgm:spPr/>
      <dgm:t>
        <a:bodyPr/>
        <a:lstStyle/>
        <a:p>
          <a:endParaRPr lang="en-US"/>
        </a:p>
      </dgm:t>
    </dgm:pt>
    <dgm:pt modelId="{9B6842AF-5E86-4348-944C-188B230E14D9}" type="sibTrans" cxnId="{9AF0359F-D5F2-423E-9ABE-D92F4ACECE10}">
      <dgm:prSet/>
      <dgm:spPr/>
      <dgm:t>
        <a:bodyPr/>
        <a:lstStyle/>
        <a:p>
          <a:endParaRPr lang="en-US"/>
        </a:p>
      </dgm:t>
    </dgm:pt>
    <dgm:pt modelId="{507B2967-C3AA-46CE-9D9E-F2BB803F6974}">
      <dgm:prSet phldrT="[Text]" custT="1"/>
      <dgm:spPr/>
      <dgm:t>
        <a:bodyPr/>
        <a:lstStyle/>
        <a:p>
          <a:pPr>
            <a:buNone/>
          </a:pPr>
          <a:r>
            <a:rPr lang="en-US" sz="1800" b="1">
              <a:solidFill>
                <a:schemeClr val="tx1"/>
              </a:solidFill>
              <a:latin typeface="Arial Rounded MT Bold" panose="020F0704030504030204" pitchFamily="34" charset="0"/>
              <a:ea typeface="+mj-ea"/>
              <a:cs typeface="+mj-cs"/>
            </a:rPr>
            <a:t>Practice Test with Response Transmission</a:t>
          </a:r>
          <a:endParaRPr lang="en-US" sz="1800">
            <a:solidFill>
              <a:schemeClr val="tx1"/>
            </a:solidFill>
          </a:endParaRPr>
        </a:p>
      </dgm:t>
    </dgm:pt>
    <dgm:pt modelId="{EB8920B2-7E78-4F05-9DD7-D1DF32499E36}" type="parTrans" cxnId="{8DFBA3C8-6D06-4E06-AFDE-79F7D2EFA6A9}">
      <dgm:prSet/>
      <dgm:spPr/>
      <dgm:t>
        <a:bodyPr/>
        <a:lstStyle/>
        <a:p>
          <a:endParaRPr lang="en-US"/>
        </a:p>
      </dgm:t>
    </dgm:pt>
    <dgm:pt modelId="{A2459C55-A38E-4417-A795-B11804533267}" type="sibTrans" cxnId="{8DFBA3C8-6D06-4E06-AFDE-79F7D2EFA6A9}">
      <dgm:prSet/>
      <dgm:spPr/>
      <dgm:t>
        <a:bodyPr/>
        <a:lstStyle/>
        <a:p>
          <a:endParaRPr lang="en-US"/>
        </a:p>
      </dgm:t>
    </dgm:pt>
    <dgm:pt modelId="{5354389D-9BC5-47C6-B0CD-110A6779B297}">
      <dgm:prSet phldrT="[Text]" custT="1"/>
      <dgm:spPr/>
      <dgm:t>
        <a:bodyPr/>
        <a:lstStyle/>
        <a:p>
          <a:r>
            <a:rPr lang="en-US" sz="1600"/>
            <a:t>Students scheduled and tests printed through Test Administration of eDIRECT</a:t>
          </a:r>
        </a:p>
      </dgm:t>
    </dgm:pt>
    <dgm:pt modelId="{F63A177D-FF35-43BE-870C-65BB72638729}" type="parTrans" cxnId="{95FECA12-BDAF-4963-8C46-D4E1A326CDB3}">
      <dgm:prSet/>
      <dgm:spPr/>
      <dgm:t>
        <a:bodyPr/>
        <a:lstStyle/>
        <a:p>
          <a:endParaRPr lang="en-US"/>
        </a:p>
      </dgm:t>
    </dgm:pt>
    <dgm:pt modelId="{CAE20A29-7673-400A-B79A-3B2D6B81ABA7}" type="sibTrans" cxnId="{95FECA12-BDAF-4963-8C46-D4E1A326CDB3}">
      <dgm:prSet/>
      <dgm:spPr/>
      <dgm:t>
        <a:bodyPr/>
        <a:lstStyle/>
        <a:p>
          <a:endParaRPr lang="en-US"/>
        </a:p>
      </dgm:t>
    </dgm:pt>
    <dgm:pt modelId="{0E457CE6-7182-497D-BF36-B462678BEA9E}">
      <dgm:prSet phldrT="[Text]" custT="1"/>
      <dgm:spPr/>
      <dgm:t>
        <a:bodyPr/>
        <a:lstStyle/>
        <a:p>
          <a:pPr>
            <a:buNone/>
          </a:pPr>
          <a:r>
            <a:rPr lang="en-US" sz="1800" b="1">
              <a:solidFill>
                <a:schemeClr val="tx1"/>
              </a:solidFill>
              <a:latin typeface="Arial Rounded MT Bold" panose="020F0704030504030204" pitchFamily="34" charset="0"/>
              <a:ea typeface="+mj-ea"/>
              <a:cs typeface="+mj-cs"/>
            </a:rPr>
            <a:t>Experience Online Testing Georgia</a:t>
          </a:r>
          <a:endParaRPr lang="en-US" sz="1800">
            <a:solidFill>
              <a:schemeClr val="tx1"/>
            </a:solidFill>
          </a:endParaRPr>
        </a:p>
      </dgm:t>
    </dgm:pt>
    <dgm:pt modelId="{0C3E1798-C50D-4B27-BFA4-D2B3116E4E9B}" type="parTrans" cxnId="{30F001EA-2756-4284-BA5E-0CA8354FF210}">
      <dgm:prSet/>
      <dgm:spPr/>
      <dgm:t>
        <a:bodyPr/>
        <a:lstStyle/>
        <a:p>
          <a:endParaRPr lang="en-US"/>
        </a:p>
      </dgm:t>
    </dgm:pt>
    <dgm:pt modelId="{683FED62-2CF9-453F-93AB-42B8CA14EE02}" type="sibTrans" cxnId="{30F001EA-2756-4284-BA5E-0CA8354FF210}">
      <dgm:prSet/>
      <dgm:spPr/>
      <dgm:t>
        <a:bodyPr/>
        <a:lstStyle/>
        <a:p>
          <a:endParaRPr lang="en-US"/>
        </a:p>
      </dgm:t>
    </dgm:pt>
    <dgm:pt modelId="{F8298759-5475-4820-BC33-E6AE458BE8B8}">
      <dgm:prSet phldrT="[Text]" custT="1"/>
      <dgm:spPr/>
      <dgm:t>
        <a:bodyPr/>
        <a:lstStyle/>
        <a:p>
          <a:r>
            <a:rPr lang="en-US" sz="1600"/>
            <a:t>No tickets needed</a:t>
          </a:r>
        </a:p>
      </dgm:t>
    </dgm:pt>
    <dgm:pt modelId="{8728A27A-C46A-4763-828A-F2125823DE3E}" type="parTrans" cxnId="{CC45D628-AD2A-4EFB-93E4-11DD69F4EC50}">
      <dgm:prSet/>
      <dgm:spPr/>
      <dgm:t>
        <a:bodyPr/>
        <a:lstStyle/>
        <a:p>
          <a:endParaRPr lang="en-US"/>
        </a:p>
      </dgm:t>
    </dgm:pt>
    <dgm:pt modelId="{62A51C1A-884D-4D85-8821-48BACA049E38}" type="sibTrans" cxnId="{CC45D628-AD2A-4EFB-93E4-11DD69F4EC50}">
      <dgm:prSet/>
      <dgm:spPr/>
      <dgm:t>
        <a:bodyPr/>
        <a:lstStyle/>
        <a:p>
          <a:endParaRPr lang="en-US"/>
        </a:p>
      </dgm:t>
    </dgm:pt>
    <dgm:pt modelId="{663E605E-D374-48F7-A343-FA4C84788258}">
      <dgm:prSet custT="1"/>
      <dgm:spPr/>
      <dgm:t>
        <a:bodyPr/>
        <a:lstStyle/>
        <a:p>
          <a:r>
            <a:rPr lang="en-US" sz="1600"/>
            <a:t>Test taken through INSIGHT platform</a:t>
          </a:r>
        </a:p>
      </dgm:t>
    </dgm:pt>
    <dgm:pt modelId="{157CB5BD-BC6E-4442-B952-59709F8EB3A0}" type="parTrans" cxnId="{F6FF57BE-6C4A-4677-90D1-667E56C92540}">
      <dgm:prSet/>
      <dgm:spPr/>
      <dgm:t>
        <a:bodyPr/>
        <a:lstStyle/>
        <a:p>
          <a:endParaRPr lang="en-US"/>
        </a:p>
      </dgm:t>
    </dgm:pt>
    <dgm:pt modelId="{56B2249F-B0A3-4E79-9A4F-4E1D511B2F8C}" type="sibTrans" cxnId="{F6FF57BE-6C4A-4677-90D1-667E56C92540}">
      <dgm:prSet/>
      <dgm:spPr/>
      <dgm:t>
        <a:bodyPr/>
        <a:lstStyle/>
        <a:p>
          <a:endParaRPr lang="en-US"/>
        </a:p>
      </dgm:t>
    </dgm:pt>
    <dgm:pt modelId="{364BC3CA-60E6-4765-8369-7578FEA09917}">
      <dgm:prSet custT="1"/>
      <dgm:spPr/>
      <dgm:t>
        <a:bodyPr/>
        <a:lstStyle/>
        <a:p>
          <a:r>
            <a:rPr lang="en-US" sz="1600"/>
            <a:t>Available year-round</a:t>
          </a:r>
        </a:p>
      </dgm:t>
    </dgm:pt>
    <dgm:pt modelId="{A858126B-12A8-455F-B0B4-3CE5FF8E4958}" type="parTrans" cxnId="{7C5D8ECC-C53A-4D10-A9F9-FE1337392E4D}">
      <dgm:prSet/>
      <dgm:spPr/>
      <dgm:t>
        <a:bodyPr/>
        <a:lstStyle/>
        <a:p>
          <a:endParaRPr lang="en-US"/>
        </a:p>
      </dgm:t>
    </dgm:pt>
    <dgm:pt modelId="{BC64712E-06F1-4930-8F73-E3BE92840618}" type="sibTrans" cxnId="{7C5D8ECC-C53A-4D10-A9F9-FE1337392E4D}">
      <dgm:prSet/>
      <dgm:spPr/>
      <dgm:t>
        <a:bodyPr/>
        <a:lstStyle/>
        <a:p>
          <a:endParaRPr lang="en-US"/>
        </a:p>
      </dgm:t>
    </dgm:pt>
    <dgm:pt modelId="{7CA37284-5EDF-4107-BD86-60DB9C24B680}">
      <dgm:prSet custT="1"/>
      <dgm:spPr/>
      <dgm:t>
        <a:bodyPr/>
        <a:lstStyle/>
        <a:p>
          <a:r>
            <a:rPr lang="en-US" sz="1600"/>
            <a:t>Test taken through INSIGHT platform</a:t>
          </a:r>
        </a:p>
      </dgm:t>
    </dgm:pt>
    <dgm:pt modelId="{1F8EB6D1-8AEC-4646-927F-AAEA6968E202}" type="parTrans" cxnId="{EAB907F7-27E4-4EC0-80A7-9296622E891C}">
      <dgm:prSet/>
      <dgm:spPr/>
      <dgm:t>
        <a:bodyPr/>
        <a:lstStyle/>
        <a:p>
          <a:endParaRPr lang="en-US"/>
        </a:p>
      </dgm:t>
    </dgm:pt>
    <dgm:pt modelId="{E24DED6E-97F8-4822-958B-E6935E034FAC}" type="sibTrans" cxnId="{EAB907F7-27E4-4EC0-80A7-9296622E891C}">
      <dgm:prSet/>
      <dgm:spPr/>
      <dgm:t>
        <a:bodyPr/>
        <a:lstStyle/>
        <a:p>
          <a:endParaRPr lang="en-US"/>
        </a:p>
      </dgm:t>
    </dgm:pt>
    <dgm:pt modelId="{643AE898-D46B-4999-8931-AF8F047C8EDD}">
      <dgm:prSet custT="1"/>
      <dgm:spPr/>
      <dgm:t>
        <a:bodyPr/>
        <a:lstStyle/>
        <a:p>
          <a:r>
            <a:rPr lang="en-US" sz="1600"/>
            <a:t>Responses are sent through TSM</a:t>
          </a:r>
        </a:p>
      </dgm:t>
    </dgm:pt>
    <dgm:pt modelId="{D562A1B5-E3B8-4BF3-ABBA-FAFD95A31B61}" type="parTrans" cxnId="{69AEC66C-4A56-41EF-901E-7ABEBE1D3723}">
      <dgm:prSet/>
      <dgm:spPr/>
      <dgm:t>
        <a:bodyPr/>
        <a:lstStyle/>
        <a:p>
          <a:endParaRPr lang="en-US"/>
        </a:p>
      </dgm:t>
    </dgm:pt>
    <dgm:pt modelId="{71D70FE9-240A-45EE-9A51-9DBE6A98E38D}" type="sibTrans" cxnId="{69AEC66C-4A56-41EF-901E-7ABEBE1D3723}">
      <dgm:prSet/>
      <dgm:spPr/>
      <dgm:t>
        <a:bodyPr/>
        <a:lstStyle/>
        <a:p>
          <a:endParaRPr lang="en-US"/>
        </a:p>
      </dgm:t>
    </dgm:pt>
    <dgm:pt modelId="{0EDC7766-61ED-48DB-ABE0-6C9B10EDD5AF}">
      <dgm:prSet custT="1"/>
      <dgm:spPr/>
      <dgm:t>
        <a:bodyPr/>
        <a:lstStyle/>
        <a:p>
          <a:r>
            <a:rPr lang="en-US" sz="1600"/>
            <a:t>Available 8/6/18 – 5/31/19</a:t>
          </a:r>
        </a:p>
      </dgm:t>
    </dgm:pt>
    <dgm:pt modelId="{B19784E5-E394-4685-9892-7B72C6230E52}" type="parTrans" cxnId="{F58B0709-7845-495B-B6FC-F6A7C6DA9E84}">
      <dgm:prSet/>
      <dgm:spPr/>
      <dgm:t>
        <a:bodyPr/>
        <a:lstStyle/>
        <a:p>
          <a:endParaRPr lang="en-US"/>
        </a:p>
      </dgm:t>
    </dgm:pt>
    <dgm:pt modelId="{4833FCBF-6C23-462B-AFED-BD3B39F755AF}" type="sibTrans" cxnId="{F58B0709-7845-495B-B6FC-F6A7C6DA9E84}">
      <dgm:prSet/>
      <dgm:spPr/>
      <dgm:t>
        <a:bodyPr/>
        <a:lstStyle/>
        <a:p>
          <a:endParaRPr lang="en-US"/>
        </a:p>
      </dgm:t>
    </dgm:pt>
    <dgm:pt modelId="{BA340E9E-5742-46ED-A7EF-CFC89C14F209}">
      <dgm:prSet custT="1"/>
      <dgm:spPr/>
      <dgm:t>
        <a:bodyPr/>
        <a:lstStyle/>
        <a:p>
          <a:r>
            <a:rPr lang="en-US" sz="1600"/>
            <a:t>Test taken online at </a:t>
          </a:r>
          <a:r>
            <a:rPr lang="en-US" sz="1200">
              <a:hlinkClick xmlns:r="http://schemas.openxmlformats.org/officeDocument/2006/relationships" r:id="rId1"/>
            </a:rPr>
            <a:t>www.gaexperienceonline.com</a:t>
          </a:r>
          <a:endParaRPr lang="en-US" sz="1200"/>
        </a:p>
      </dgm:t>
    </dgm:pt>
    <dgm:pt modelId="{B1F67A56-BF6C-480B-AD0C-CA6E02D6E968}" type="parTrans" cxnId="{436BF91F-1988-4E4F-8A46-4ABF5C28C839}">
      <dgm:prSet/>
      <dgm:spPr/>
      <dgm:t>
        <a:bodyPr/>
        <a:lstStyle/>
        <a:p>
          <a:endParaRPr lang="en-US"/>
        </a:p>
      </dgm:t>
    </dgm:pt>
    <dgm:pt modelId="{2FFCF27A-9A5A-42A4-B0EF-606199738477}" type="sibTrans" cxnId="{436BF91F-1988-4E4F-8A46-4ABF5C28C839}">
      <dgm:prSet/>
      <dgm:spPr/>
      <dgm:t>
        <a:bodyPr/>
        <a:lstStyle/>
        <a:p>
          <a:endParaRPr lang="en-US"/>
        </a:p>
      </dgm:t>
    </dgm:pt>
    <dgm:pt modelId="{6A4919CE-252B-44C6-A2F8-5671AAC4A31F}">
      <dgm:prSet custT="1"/>
      <dgm:spPr/>
      <dgm:t>
        <a:bodyPr/>
        <a:lstStyle/>
        <a:p>
          <a:r>
            <a:rPr lang="en-US" sz="1600"/>
            <a:t>Students, parents and teachers can all access this website</a:t>
          </a:r>
        </a:p>
      </dgm:t>
    </dgm:pt>
    <dgm:pt modelId="{09216C3D-45FA-4125-AA79-261B7614018D}" type="parTrans" cxnId="{1D897C44-D5E5-417A-99BF-F55709CC6E58}">
      <dgm:prSet/>
      <dgm:spPr/>
      <dgm:t>
        <a:bodyPr/>
        <a:lstStyle/>
        <a:p>
          <a:endParaRPr lang="en-US"/>
        </a:p>
      </dgm:t>
    </dgm:pt>
    <dgm:pt modelId="{E5EBC9FA-F62F-4F89-B5AF-A15ACCBDEF28}" type="sibTrans" cxnId="{1D897C44-D5E5-417A-99BF-F55709CC6E58}">
      <dgm:prSet/>
      <dgm:spPr/>
      <dgm:t>
        <a:bodyPr/>
        <a:lstStyle/>
        <a:p>
          <a:endParaRPr lang="en-US"/>
        </a:p>
      </dgm:t>
    </dgm:pt>
    <dgm:pt modelId="{7A33F6D1-739E-4819-8B9F-E9EA2D422862}">
      <dgm:prSet custT="1"/>
      <dgm:spPr/>
      <dgm:t>
        <a:bodyPr/>
        <a:lstStyle/>
        <a:p>
          <a:r>
            <a:rPr lang="en-US" sz="1600"/>
            <a:t>Sample of Section One ELA is presented</a:t>
          </a:r>
        </a:p>
      </dgm:t>
    </dgm:pt>
    <dgm:pt modelId="{90298CD3-4CBA-4415-A7D3-2CF6BD316468}" type="parTrans" cxnId="{FAC10BC2-4553-4825-9A92-7A2AAC26F25A}">
      <dgm:prSet/>
      <dgm:spPr/>
      <dgm:t>
        <a:bodyPr/>
        <a:lstStyle/>
        <a:p>
          <a:endParaRPr lang="en-US"/>
        </a:p>
      </dgm:t>
    </dgm:pt>
    <dgm:pt modelId="{70374288-0469-4617-900C-162291CEFBC9}" type="sibTrans" cxnId="{FAC10BC2-4553-4825-9A92-7A2AAC26F25A}">
      <dgm:prSet/>
      <dgm:spPr/>
      <dgm:t>
        <a:bodyPr/>
        <a:lstStyle/>
        <a:p>
          <a:endParaRPr lang="en-US"/>
        </a:p>
      </dgm:t>
    </dgm:pt>
    <dgm:pt modelId="{563B0441-173F-436A-9E77-A6D1DC2D808D}">
      <dgm:prSet custT="1"/>
      <dgm:spPr/>
      <dgm:t>
        <a:bodyPr/>
        <a:lstStyle/>
        <a:p>
          <a:r>
            <a:rPr lang="en-US" sz="1600"/>
            <a:t>Available year-round from anywhere on the web</a:t>
          </a:r>
        </a:p>
      </dgm:t>
    </dgm:pt>
    <dgm:pt modelId="{8282C12F-3F27-4C29-969F-10B87B52E704}" type="parTrans" cxnId="{A6A964B5-9CF7-4B9C-8304-48F3920B6B0A}">
      <dgm:prSet/>
      <dgm:spPr/>
      <dgm:t>
        <a:bodyPr/>
        <a:lstStyle/>
        <a:p>
          <a:endParaRPr lang="en-US"/>
        </a:p>
      </dgm:t>
    </dgm:pt>
    <dgm:pt modelId="{32EBCA2B-8EA7-4C2E-A70B-7CCEC4302DED}" type="sibTrans" cxnId="{A6A964B5-9CF7-4B9C-8304-48F3920B6B0A}">
      <dgm:prSet/>
      <dgm:spPr/>
      <dgm:t>
        <a:bodyPr/>
        <a:lstStyle/>
        <a:p>
          <a:endParaRPr lang="en-US"/>
        </a:p>
      </dgm:t>
    </dgm:pt>
    <dgm:pt modelId="{9C117E5B-DFFE-4A7F-82EB-05EC05EB1285}" type="pres">
      <dgm:prSet presAssocID="{A4B1E6CA-2FB9-42D3-B9AF-1006FAA5A67E}" presName="Name0" presStyleCnt="0">
        <dgm:presLayoutVars>
          <dgm:dir/>
          <dgm:animLvl val="lvl"/>
          <dgm:resizeHandles val="exact"/>
        </dgm:presLayoutVars>
      </dgm:prSet>
      <dgm:spPr/>
    </dgm:pt>
    <dgm:pt modelId="{A7BDCCA6-40FE-4B30-A6AF-CCFE31750F78}" type="pres">
      <dgm:prSet presAssocID="{2282E471-FE06-4670-9985-1BF2D5327220}" presName="composite" presStyleCnt="0"/>
      <dgm:spPr/>
    </dgm:pt>
    <dgm:pt modelId="{6BCCDB68-3803-4E28-92E8-B34EF8E342AF}" type="pres">
      <dgm:prSet presAssocID="{2282E471-FE06-4670-9985-1BF2D5327220}" presName="parTx" presStyleLbl="alignNode1" presStyleIdx="0" presStyleCnt="3">
        <dgm:presLayoutVars>
          <dgm:chMax val="0"/>
          <dgm:chPref val="0"/>
          <dgm:bulletEnabled val="1"/>
        </dgm:presLayoutVars>
      </dgm:prSet>
      <dgm:spPr/>
    </dgm:pt>
    <dgm:pt modelId="{E3D6EFEC-D141-47AA-AB04-E1F52D034FDD}" type="pres">
      <dgm:prSet presAssocID="{2282E471-FE06-4670-9985-1BF2D5327220}" presName="desTx" presStyleLbl="alignAccFollowNode1" presStyleIdx="0" presStyleCnt="3">
        <dgm:presLayoutVars>
          <dgm:bulletEnabled val="1"/>
        </dgm:presLayoutVars>
      </dgm:prSet>
      <dgm:spPr/>
    </dgm:pt>
    <dgm:pt modelId="{90B914C6-3259-4389-AE96-DD51BA53A179}" type="pres">
      <dgm:prSet presAssocID="{BA3F10D1-078D-4E49-ABD1-1C61DF092E7A}" presName="space" presStyleCnt="0"/>
      <dgm:spPr/>
    </dgm:pt>
    <dgm:pt modelId="{0F69BBEA-45F7-4DF8-AD0D-3C8BDE800069}" type="pres">
      <dgm:prSet presAssocID="{507B2967-C3AA-46CE-9D9E-F2BB803F6974}" presName="composite" presStyleCnt="0"/>
      <dgm:spPr/>
    </dgm:pt>
    <dgm:pt modelId="{B9B74DAD-0622-4DAE-92D0-7C41196D120E}" type="pres">
      <dgm:prSet presAssocID="{507B2967-C3AA-46CE-9D9E-F2BB803F6974}" presName="parTx" presStyleLbl="alignNode1" presStyleIdx="1" presStyleCnt="3">
        <dgm:presLayoutVars>
          <dgm:chMax val="0"/>
          <dgm:chPref val="0"/>
          <dgm:bulletEnabled val="1"/>
        </dgm:presLayoutVars>
      </dgm:prSet>
      <dgm:spPr/>
    </dgm:pt>
    <dgm:pt modelId="{D4522601-EA64-497A-A93F-41F0FC7F6252}" type="pres">
      <dgm:prSet presAssocID="{507B2967-C3AA-46CE-9D9E-F2BB803F6974}" presName="desTx" presStyleLbl="alignAccFollowNode1" presStyleIdx="1" presStyleCnt="3">
        <dgm:presLayoutVars>
          <dgm:bulletEnabled val="1"/>
        </dgm:presLayoutVars>
      </dgm:prSet>
      <dgm:spPr/>
    </dgm:pt>
    <dgm:pt modelId="{A85BDBFD-351F-4A1A-A4E9-1CB5EFAA1347}" type="pres">
      <dgm:prSet presAssocID="{A2459C55-A38E-4417-A795-B11804533267}" presName="space" presStyleCnt="0"/>
      <dgm:spPr/>
    </dgm:pt>
    <dgm:pt modelId="{56353979-FF3A-45AF-8C5B-46AFBF8CA3DB}" type="pres">
      <dgm:prSet presAssocID="{0E457CE6-7182-497D-BF36-B462678BEA9E}" presName="composite" presStyleCnt="0"/>
      <dgm:spPr/>
    </dgm:pt>
    <dgm:pt modelId="{B64FFE4C-2F38-44A7-8A05-A1FDDB16D68B}" type="pres">
      <dgm:prSet presAssocID="{0E457CE6-7182-497D-BF36-B462678BEA9E}" presName="parTx" presStyleLbl="alignNode1" presStyleIdx="2" presStyleCnt="3">
        <dgm:presLayoutVars>
          <dgm:chMax val="0"/>
          <dgm:chPref val="0"/>
          <dgm:bulletEnabled val="1"/>
        </dgm:presLayoutVars>
      </dgm:prSet>
      <dgm:spPr/>
    </dgm:pt>
    <dgm:pt modelId="{03AE0824-9373-4377-A118-C481E6564EDA}" type="pres">
      <dgm:prSet presAssocID="{0E457CE6-7182-497D-BF36-B462678BEA9E}" presName="desTx" presStyleLbl="alignAccFollowNode1" presStyleIdx="2" presStyleCnt="3">
        <dgm:presLayoutVars>
          <dgm:bulletEnabled val="1"/>
        </dgm:presLayoutVars>
      </dgm:prSet>
      <dgm:spPr/>
    </dgm:pt>
  </dgm:ptLst>
  <dgm:cxnLst>
    <dgm:cxn modelId="{F58B0709-7845-495B-B6FC-F6A7C6DA9E84}" srcId="{507B2967-C3AA-46CE-9D9E-F2BB803F6974}" destId="{0EDC7766-61ED-48DB-ABE0-6C9B10EDD5AF}" srcOrd="3" destOrd="0" parTransId="{B19784E5-E394-4685-9892-7B72C6230E52}" sibTransId="{4833FCBF-6C23-462B-AFED-BD3B39F755AF}"/>
    <dgm:cxn modelId="{54507C0A-00D8-4A60-BB9F-7ACD49D5A1F2}" type="presOf" srcId="{364BC3CA-60E6-4765-8369-7578FEA09917}" destId="{E3D6EFEC-D141-47AA-AB04-E1F52D034FDD}" srcOrd="0" destOrd="2" presId="urn:microsoft.com/office/officeart/2005/8/layout/hList1"/>
    <dgm:cxn modelId="{95FECA12-BDAF-4963-8C46-D4E1A326CDB3}" srcId="{507B2967-C3AA-46CE-9D9E-F2BB803F6974}" destId="{5354389D-9BC5-47C6-B0CD-110A6779B297}" srcOrd="0" destOrd="0" parTransId="{F63A177D-FF35-43BE-870C-65BB72638729}" sibTransId="{CAE20A29-7673-400A-B79A-3B2D6B81ABA7}"/>
    <dgm:cxn modelId="{69645A1B-3D22-42B4-A07D-09549BAF236A}" type="presOf" srcId="{2282E471-FE06-4670-9985-1BF2D5327220}" destId="{6BCCDB68-3803-4E28-92E8-B34EF8E342AF}" srcOrd="0" destOrd="0" presId="urn:microsoft.com/office/officeart/2005/8/layout/hList1"/>
    <dgm:cxn modelId="{7259601E-D8A2-4F98-9274-647BF08B6A92}" type="presOf" srcId="{507B2967-C3AA-46CE-9D9E-F2BB803F6974}" destId="{B9B74DAD-0622-4DAE-92D0-7C41196D120E}" srcOrd="0" destOrd="0" presId="urn:microsoft.com/office/officeart/2005/8/layout/hList1"/>
    <dgm:cxn modelId="{436BF91F-1988-4E4F-8A46-4ABF5C28C839}" srcId="{0E457CE6-7182-497D-BF36-B462678BEA9E}" destId="{BA340E9E-5742-46ED-A7EF-CFC89C14F209}" srcOrd="1" destOrd="0" parTransId="{B1F67A56-BF6C-480B-AD0C-CA6E02D6E968}" sibTransId="{2FFCF27A-9A5A-42A4-B0EF-606199738477}"/>
    <dgm:cxn modelId="{CC45D628-AD2A-4EFB-93E4-11DD69F4EC50}" srcId="{0E457CE6-7182-497D-BF36-B462678BEA9E}" destId="{F8298759-5475-4820-BC33-E6AE458BE8B8}" srcOrd="0" destOrd="0" parTransId="{8728A27A-C46A-4763-828A-F2125823DE3E}" sibTransId="{62A51C1A-884D-4D85-8821-48BACA049E38}"/>
    <dgm:cxn modelId="{5FD79C30-3230-40E8-820F-8E6D7FF001A8}" srcId="{A4B1E6CA-2FB9-42D3-B9AF-1006FAA5A67E}" destId="{2282E471-FE06-4670-9985-1BF2D5327220}" srcOrd="0" destOrd="0" parTransId="{968B49BF-F278-4B6E-B7CA-1C36EA8D68B2}" sibTransId="{BA3F10D1-078D-4E49-ABD1-1C61DF092E7A}"/>
    <dgm:cxn modelId="{61716331-AFEA-467A-88A6-E32D3A326957}" type="presOf" srcId="{BA340E9E-5742-46ED-A7EF-CFC89C14F209}" destId="{03AE0824-9373-4377-A118-C481E6564EDA}" srcOrd="0" destOrd="1" presId="urn:microsoft.com/office/officeart/2005/8/layout/hList1"/>
    <dgm:cxn modelId="{87A8C960-0407-4F16-99EB-1C2983DC8B82}" type="presOf" srcId="{0EDC7766-61ED-48DB-ABE0-6C9B10EDD5AF}" destId="{D4522601-EA64-497A-A93F-41F0FC7F6252}" srcOrd="0" destOrd="3" presId="urn:microsoft.com/office/officeart/2005/8/layout/hList1"/>
    <dgm:cxn modelId="{1D897C44-D5E5-417A-99BF-F55709CC6E58}" srcId="{0E457CE6-7182-497D-BF36-B462678BEA9E}" destId="{6A4919CE-252B-44C6-A2F8-5671AAC4A31F}" srcOrd="2" destOrd="0" parTransId="{09216C3D-45FA-4125-AA79-261B7614018D}" sibTransId="{E5EBC9FA-F62F-4F89-B5AF-A15ACCBDEF28}"/>
    <dgm:cxn modelId="{69AEC66C-4A56-41EF-901E-7ABEBE1D3723}" srcId="{507B2967-C3AA-46CE-9D9E-F2BB803F6974}" destId="{643AE898-D46B-4999-8931-AF8F047C8EDD}" srcOrd="2" destOrd="0" parTransId="{D562A1B5-E3B8-4BF3-ABBA-FAFD95A31B61}" sibTransId="{71D70FE9-240A-45EE-9A51-9DBE6A98E38D}"/>
    <dgm:cxn modelId="{D881994D-91CC-4D81-B678-D2D540E5F2E3}" type="presOf" srcId="{563B0441-173F-436A-9E77-A6D1DC2D808D}" destId="{03AE0824-9373-4377-A118-C481E6564EDA}" srcOrd="0" destOrd="4" presId="urn:microsoft.com/office/officeart/2005/8/layout/hList1"/>
    <dgm:cxn modelId="{84E9B84D-FAA0-4E48-AEF3-FDA0EFE71442}" type="presOf" srcId="{0E457CE6-7182-497D-BF36-B462678BEA9E}" destId="{B64FFE4C-2F38-44A7-8A05-A1FDDB16D68B}" srcOrd="0" destOrd="0" presId="urn:microsoft.com/office/officeart/2005/8/layout/hList1"/>
    <dgm:cxn modelId="{9B25398C-04B0-45F6-9F4C-94B11A31A151}" type="presOf" srcId="{663E605E-D374-48F7-A343-FA4C84788258}" destId="{E3D6EFEC-D141-47AA-AB04-E1F52D034FDD}" srcOrd="0" destOrd="1" presId="urn:microsoft.com/office/officeart/2005/8/layout/hList1"/>
    <dgm:cxn modelId="{5378F590-84B3-4087-B846-37C069BCEA4B}" type="presOf" srcId="{643AE898-D46B-4999-8931-AF8F047C8EDD}" destId="{D4522601-EA64-497A-A93F-41F0FC7F6252}" srcOrd="0" destOrd="2" presId="urn:microsoft.com/office/officeart/2005/8/layout/hList1"/>
    <dgm:cxn modelId="{0EFB009B-058D-4783-BBE1-E8FC71942ECD}" type="presOf" srcId="{14168358-9C81-4B0C-876C-3E6C66F6751D}" destId="{E3D6EFEC-D141-47AA-AB04-E1F52D034FDD}" srcOrd="0" destOrd="0" presId="urn:microsoft.com/office/officeart/2005/8/layout/hList1"/>
    <dgm:cxn modelId="{9AF0359F-D5F2-423E-9ABE-D92F4ACECE10}" srcId="{2282E471-FE06-4670-9985-1BF2D5327220}" destId="{14168358-9C81-4B0C-876C-3E6C66F6751D}" srcOrd="0" destOrd="0" parTransId="{52F10882-61BE-4912-9D6A-73AD0233E0BC}" sibTransId="{9B6842AF-5E86-4348-944C-188B230E14D9}"/>
    <dgm:cxn modelId="{60FB1FB2-EC33-4393-81A5-07BC01CA81DD}" type="presOf" srcId="{7A33F6D1-739E-4819-8B9F-E9EA2D422862}" destId="{03AE0824-9373-4377-A118-C481E6564EDA}" srcOrd="0" destOrd="3" presId="urn:microsoft.com/office/officeart/2005/8/layout/hList1"/>
    <dgm:cxn modelId="{A6A964B5-9CF7-4B9C-8304-48F3920B6B0A}" srcId="{0E457CE6-7182-497D-BF36-B462678BEA9E}" destId="{563B0441-173F-436A-9E77-A6D1DC2D808D}" srcOrd="4" destOrd="0" parTransId="{8282C12F-3F27-4C29-969F-10B87B52E704}" sibTransId="{32EBCA2B-8EA7-4C2E-A70B-7CCEC4302DED}"/>
    <dgm:cxn modelId="{F6FF57BE-6C4A-4677-90D1-667E56C92540}" srcId="{2282E471-FE06-4670-9985-1BF2D5327220}" destId="{663E605E-D374-48F7-A343-FA4C84788258}" srcOrd="1" destOrd="0" parTransId="{157CB5BD-BC6E-4442-B952-59709F8EB3A0}" sibTransId="{56B2249F-B0A3-4E79-9A4F-4E1D511B2F8C}"/>
    <dgm:cxn modelId="{FAC10BC2-4553-4825-9A92-7A2AAC26F25A}" srcId="{0E457CE6-7182-497D-BF36-B462678BEA9E}" destId="{7A33F6D1-739E-4819-8B9F-E9EA2D422862}" srcOrd="3" destOrd="0" parTransId="{90298CD3-4CBA-4415-A7D3-2CF6BD316468}" sibTransId="{70374288-0469-4617-900C-162291CEFBC9}"/>
    <dgm:cxn modelId="{8DFBA3C8-6D06-4E06-AFDE-79F7D2EFA6A9}" srcId="{A4B1E6CA-2FB9-42D3-B9AF-1006FAA5A67E}" destId="{507B2967-C3AA-46CE-9D9E-F2BB803F6974}" srcOrd="1" destOrd="0" parTransId="{EB8920B2-7E78-4F05-9DD7-D1DF32499E36}" sibTransId="{A2459C55-A38E-4417-A795-B11804533267}"/>
    <dgm:cxn modelId="{7C5D8ECC-C53A-4D10-A9F9-FE1337392E4D}" srcId="{2282E471-FE06-4670-9985-1BF2D5327220}" destId="{364BC3CA-60E6-4765-8369-7578FEA09917}" srcOrd="2" destOrd="0" parTransId="{A858126B-12A8-455F-B0B4-3CE5FF8E4958}" sibTransId="{BC64712E-06F1-4930-8F73-E3BE92840618}"/>
    <dgm:cxn modelId="{0C996AD2-3AA5-4E82-A82B-E55D1AC960AF}" type="presOf" srcId="{5354389D-9BC5-47C6-B0CD-110A6779B297}" destId="{D4522601-EA64-497A-A93F-41F0FC7F6252}" srcOrd="0" destOrd="0" presId="urn:microsoft.com/office/officeart/2005/8/layout/hList1"/>
    <dgm:cxn modelId="{30F001EA-2756-4284-BA5E-0CA8354FF210}" srcId="{A4B1E6CA-2FB9-42D3-B9AF-1006FAA5A67E}" destId="{0E457CE6-7182-497D-BF36-B462678BEA9E}" srcOrd="2" destOrd="0" parTransId="{0C3E1798-C50D-4B27-BFA4-D2B3116E4E9B}" sibTransId="{683FED62-2CF9-453F-93AB-42B8CA14EE02}"/>
    <dgm:cxn modelId="{217491EA-71CA-4725-A49B-D0E6490B5C2C}" type="presOf" srcId="{F8298759-5475-4820-BC33-E6AE458BE8B8}" destId="{03AE0824-9373-4377-A118-C481E6564EDA}" srcOrd="0" destOrd="0" presId="urn:microsoft.com/office/officeart/2005/8/layout/hList1"/>
    <dgm:cxn modelId="{EAB907F7-27E4-4EC0-80A7-9296622E891C}" srcId="{507B2967-C3AA-46CE-9D9E-F2BB803F6974}" destId="{7CA37284-5EDF-4107-BD86-60DB9C24B680}" srcOrd="1" destOrd="0" parTransId="{1F8EB6D1-8AEC-4646-927F-AAEA6968E202}" sibTransId="{E24DED6E-97F8-4822-958B-E6935E034FAC}"/>
    <dgm:cxn modelId="{E7CCEAF8-2C46-4CD9-9DB7-6EFD6F8E321E}" type="presOf" srcId="{7CA37284-5EDF-4107-BD86-60DB9C24B680}" destId="{D4522601-EA64-497A-A93F-41F0FC7F6252}" srcOrd="0" destOrd="1" presId="urn:microsoft.com/office/officeart/2005/8/layout/hList1"/>
    <dgm:cxn modelId="{647BACFC-5030-4308-A944-5C299B32B14E}" type="presOf" srcId="{A4B1E6CA-2FB9-42D3-B9AF-1006FAA5A67E}" destId="{9C117E5B-DFFE-4A7F-82EB-05EC05EB1285}" srcOrd="0" destOrd="0" presId="urn:microsoft.com/office/officeart/2005/8/layout/hList1"/>
    <dgm:cxn modelId="{463CFCFE-81A8-4DDE-806E-0DF9BFEAAC7A}" type="presOf" srcId="{6A4919CE-252B-44C6-A2F8-5671AAC4A31F}" destId="{03AE0824-9373-4377-A118-C481E6564EDA}" srcOrd="0" destOrd="2" presId="urn:microsoft.com/office/officeart/2005/8/layout/hList1"/>
    <dgm:cxn modelId="{22D2CF8F-EDA3-4D19-AEA1-33FCB93ACA24}" type="presParOf" srcId="{9C117E5B-DFFE-4A7F-82EB-05EC05EB1285}" destId="{A7BDCCA6-40FE-4B30-A6AF-CCFE31750F78}" srcOrd="0" destOrd="0" presId="urn:microsoft.com/office/officeart/2005/8/layout/hList1"/>
    <dgm:cxn modelId="{285C0F8B-7527-4621-8794-71BB4FCC5DC6}" type="presParOf" srcId="{A7BDCCA6-40FE-4B30-A6AF-CCFE31750F78}" destId="{6BCCDB68-3803-4E28-92E8-B34EF8E342AF}" srcOrd="0" destOrd="0" presId="urn:microsoft.com/office/officeart/2005/8/layout/hList1"/>
    <dgm:cxn modelId="{EA128351-2945-45B2-862F-167FCEF96546}" type="presParOf" srcId="{A7BDCCA6-40FE-4B30-A6AF-CCFE31750F78}" destId="{E3D6EFEC-D141-47AA-AB04-E1F52D034FDD}" srcOrd="1" destOrd="0" presId="urn:microsoft.com/office/officeart/2005/8/layout/hList1"/>
    <dgm:cxn modelId="{DC6CEC87-8D4D-47B1-9B47-B2E48E1BDF2E}" type="presParOf" srcId="{9C117E5B-DFFE-4A7F-82EB-05EC05EB1285}" destId="{90B914C6-3259-4389-AE96-DD51BA53A179}" srcOrd="1" destOrd="0" presId="urn:microsoft.com/office/officeart/2005/8/layout/hList1"/>
    <dgm:cxn modelId="{79C86672-9C30-486A-9808-1D1AAFA4F251}" type="presParOf" srcId="{9C117E5B-DFFE-4A7F-82EB-05EC05EB1285}" destId="{0F69BBEA-45F7-4DF8-AD0D-3C8BDE800069}" srcOrd="2" destOrd="0" presId="urn:microsoft.com/office/officeart/2005/8/layout/hList1"/>
    <dgm:cxn modelId="{13A1ECFA-E5A0-4898-BE2D-AA04B4D0D674}" type="presParOf" srcId="{0F69BBEA-45F7-4DF8-AD0D-3C8BDE800069}" destId="{B9B74DAD-0622-4DAE-92D0-7C41196D120E}" srcOrd="0" destOrd="0" presId="urn:microsoft.com/office/officeart/2005/8/layout/hList1"/>
    <dgm:cxn modelId="{D2B63A52-6DB8-42D0-A351-815DA0FE3EFC}" type="presParOf" srcId="{0F69BBEA-45F7-4DF8-AD0D-3C8BDE800069}" destId="{D4522601-EA64-497A-A93F-41F0FC7F6252}" srcOrd="1" destOrd="0" presId="urn:microsoft.com/office/officeart/2005/8/layout/hList1"/>
    <dgm:cxn modelId="{740D78D0-F912-45B1-87C0-6C69A95AE459}" type="presParOf" srcId="{9C117E5B-DFFE-4A7F-82EB-05EC05EB1285}" destId="{A85BDBFD-351F-4A1A-A4E9-1CB5EFAA1347}" srcOrd="3" destOrd="0" presId="urn:microsoft.com/office/officeart/2005/8/layout/hList1"/>
    <dgm:cxn modelId="{96327820-7A72-497A-83A6-FE2D88DD4DD6}" type="presParOf" srcId="{9C117E5B-DFFE-4A7F-82EB-05EC05EB1285}" destId="{56353979-FF3A-45AF-8C5B-46AFBF8CA3DB}" srcOrd="4" destOrd="0" presId="urn:microsoft.com/office/officeart/2005/8/layout/hList1"/>
    <dgm:cxn modelId="{9F6AA718-CB28-41E2-A2EF-80A605F3434C}" type="presParOf" srcId="{56353979-FF3A-45AF-8C5B-46AFBF8CA3DB}" destId="{B64FFE4C-2F38-44A7-8A05-A1FDDB16D68B}" srcOrd="0" destOrd="0" presId="urn:microsoft.com/office/officeart/2005/8/layout/hList1"/>
    <dgm:cxn modelId="{C9AF2496-0C7B-4CED-9C02-A6608C61AF35}" type="presParOf" srcId="{56353979-FF3A-45AF-8C5B-46AFBF8CA3DB}" destId="{03AE0824-9373-4377-A118-C481E6564EDA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F6A5EDD-A51C-42A9-A90F-0AF8FF987BDD}">
      <dsp:nvSpPr>
        <dsp:cNvPr id="0" name=""/>
        <dsp:cNvSpPr/>
      </dsp:nvSpPr>
      <dsp:spPr>
        <a:xfrm>
          <a:off x="3549167" y="3505193"/>
          <a:ext cx="1617962" cy="1617962"/>
        </a:xfrm>
        <a:prstGeom prst="ellips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District Testing Calendar</a:t>
          </a:r>
        </a:p>
      </dsp:txBody>
      <dsp:txXfrm>
        <a:off x="3786112" y="3742138"/>
        <a:ext cx="1144072" cy="1144072"/>
      </dsp:txXfrm>
    </dsp:sp>
    <dsp:sp modelId="{E77A35C0-00E7-44E0-B0A1-3F6AE8CFB3DF}">
      <dsp:nvSpPr>
        <dsp:cNvPr id="0" name=""/>
        <dsp:cNvSpPr/>
      </dsp:nvSpPr>
      <dsp:spPr>
        <a:xfrm rot="10800000">
          <a:off x="569376" y="4083615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686F645D-3221-4AED-A5B5-C40C09203A41}">
      <dsp:nvSpPr>
        <dsp:cNvPr id="0" name=""/>
        <dsp:cNvSpPr/>
      </dsp:nvSpPr>
      <dsp:spPr>
        <a:xfrm>
          <a:off x="3090" y="38611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GKIDS</a:t>
          </a:r>
        </a:p>
      </dsp:txBody>
      <dsp:txXfrm>
        <a:off x="29628" y="3887683"/>
        <a:ext cx="1079497" cy="852983"/>
      </dsp:txXfrm>
    </dsp:sp>
    <dsp:sp modelId="{464D594D-242C-463E-B32E-1053E8E227D6}">
      <dsp:nvSpPr>
        <dsp:cNvPr id="0" name=""/>
        <dsp:cNvSpPr/>
      </dsp:nvSpPr>
      <dsp:spPr>
        <a:xfrm rot="12150000">
          <a:off x="750606" y="317251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1299462"/>
                <a:satOff val="-5996"/>
                <a:lumOff val="22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4F893C72-34C1-42AA-8331-37B665C2F9B2}">
      <dsp:nvSpPr>
        <dsp:cNvPr id="0" name=""/>
        <dsp:cNvSpPr/>
      </dsp:nvSpPr>
      <dsp:spPr>
        <a:xfrm>
          <a:off x="291493" y="24112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1299462"/>
                <a:satOff val="-5996"/>
                <a:lumOff val="22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Georgia Milestones</a:t>
          </a:r>
        </a:p>
      </dsp:txBody>
      <dsp:txXfrm>
        <a:off x="318031" y="2437783"/>
        <a:ext cx="1079497" cy="852983"/>
      </dsp:txXfrm>
    </dsp:sp>
    <dsp:sp modelId="{35897AB9-F50F-4154-B1CE-29D21B0F3317}">
      <dsp:nvSpPr>
        <dsp:cNvPr id="0" name=""/>
        <dsp:cNvSpPr/>
      </dsp:nvSpPr>
      <dsp:spPr>
        <a:xfrm rot="13500000">
          <a:off x="1266703" y="2400120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2598923"/>
                <a:satOff val="-11992"/>
                <a:lumOff val="44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6B5C0C3-1107-4481-ADE9-C2EAAC4A4E9D}">
      <dsp:nvSpPr>
        <dsp:cNvPr id="0" name=""/>
        <dsp:cNvSpPr/>
      </dsp:nvSpPr>
      <dsp:spPr>
        <a:xfrm>
          <a:off x="1112795" y="1182079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2598923"/>
                <a:satOff val="-11992"/>
                <a:lumOff val="44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ACCESS for ELLs 2.0</a:t>
          </a:r>
        </a:p>
      </dsp:txBody>
      <dsp:txXfrm>
        <a:off x="1139333" y="1208617"/>
        <a:ext cx="1079497" cy="852983"/>
      </dsp:txXfrm>
    </dsp:sp>
    <dsp:sp modelId="{0AB9F6B9-2E7A-4328-AF7E-AAD1DA9ECC16}">
      <dsp:nvSpPr>
        <dsp:cNvPr id="0" name=""/>
        <dsp:cNvSpPr/>
      </dsp:nvSpPr>
      <dsp:spPr>
        <a:xfrm rot="14850000">
          <a:off x="2039096" y="1884023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3898385"/>
                <a:satOff val="-17988"/>
                <a:lumOff val="662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CB7D79E4-17BA-40DA-9984-4206026BEABB}">
      <dsp:nvSpPr>
        <dsp:cNvPr id="0" name=""/>
        <dsp:cNvSpPr/>
      </dsp:nvSpPr>
      <dsp:spPr>
        <a:xfrm>
          <a:off x="2341961" y="360776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3898385"/>
                <a:satOff val="-17988"/>
                <a:lumOff val="662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GAA 2.0</a:t>
          </a:r>
        </a:p>
      </dsp:txBody>
      <dsp:txXfrm>
        <a:off x="2368499" y="387314"/>
        <a:ext cx="1079497" cy="852983"/>
      </dsp:txXfrm>
    </dsp:sp>
    <dsp:sp modelId="{2C555422-FC23-4E36-8FE8-A7AD35C67F61}">
      <dsp:nvSpPr>
        <dsp:cNvPr id="0" name=""/>
        <dsp:cNvSpPr/>
      </dsp:nvSpPr>
      <dsp:spPr>
        <a:xfrm rot="16200000">
          <a:off x="2950197" y="170279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5197846"/>
                <a:satOff val="-23984"/>
                <a:lumOff val="88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B7E099AC-2BC6-44CB-8B75-6279FF84CE54}">
      <dsp:nvSpPr>
        <dsp:cNvPr id="0" name=""/>
        <dsp:cNvSpPr/>
      </dsp:nvSpPr>
      <dsp:spPr>
        <a:xfrm>
          <a:off x="3791861" y="72373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5197846"/>
                <a:satOff val="-23984"/>
                <a:lumOff val="88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NAEP</a:t>
          </a:r>
        </a:p>
      </dsp:txBody>
      <dsp:txXfrm>
        <a:off x="3818399" y="98911"/>
        <a:ext cx="1079497" cy="852983"/>
      </dsp:txXfrm>
    </dsp:sp>
    <dsp:sp modelId="{2B933CB1-7B9A-44B4-ABC7-A70A3EDE737D}">
      <dsp:nvSpPr>
        <dsp:cNvPr id="0" name=""/>
        <dsp:cNvSpPr/>
      </dsp:nvSpPr>
      <dsp:spPr>
        <a:xfrm rot="17550000">
          <a:off x="3861298" y="1884023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6497308"/>
                <a:satOff val="-29980"/>
                <a:lumOff val="110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A84EC98C-E214-4E1A-8680-224D4B638A1F}">
      <dsp:nvSpPr>
        <dsp:cNvPr id="0" name=""/>
        <dsp:cNvSpPr/>
      </dsp:nvSpPr>
      <dsp:spPr>
        <a:xfrm>
          <a:off x="5241761" y="360776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6497308"/>
                <a:satOff val="-29980"/>
                <a:lumOff val="110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Keenville</a:t>
          </a:r>
        </a:p>
      </dsp:txBody>
      <dsp:txXfrm>
        <a:off x="5268299" y="387314"/>
        <a:ext cx="1079497" cy="852983"/>
      </dsp:txXfrm>
    </dsp:sp>
    <dsp:sp modelId="{1AA61B0E-9BC7-4FC4-AA70-CDB3E63E3C13}">
      <dsp:nvSpPr>
        <dsp:cNvPr id="0" name=""/>
        <dsp:cNvSpPr/>
      </dsp:nvSpPr>
      <dsp:spPr>
        <a:xfrm rot="18900000">
          <a:off x="4633692" y="2400120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7796769"/>
                <a:satOff val="-35976"/>
                <a:lumOff val="132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6B87873A-FAAB-4BD8-942E-3A37991CB3ED}">
      <dsp:nvSpPr>
        <dsp:cNvPr id="0" name=""/>
        <dsp:cNvSpPr/>
      </dsp:nvSpPr>
      <dsp:spPr>
        <a:xfrm>
          <a:off x="6470927" y="1182079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7796769"/>
                <a:satOff val="-35976"/>
                <a:lumOff val="132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District Holidays</a:t>
          </a:r>
        </a:p>
      </dsp:txBody>
      <dsp:txXfrm>
        <a:off x="6497465" y="1208617"/>
        <a:ext cx="1079497" cy="852983"/>
      </dsp:txXfrm>
    </dsp:sp>
    <dsp:sp modelId="{692340EB-9F57-4476-863F-827CCA3284A9}">
      <dsp:nvSpPr>
        <dsp:cNvPr id="0" name=""/>
        <dsp:cNvSpPr/>
      </dsp:nvSpPr>
      <dsp:spPr>
        <a:xfrm rot="20250000">
          <a:off x="5149789" y="317251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9096231"/>
                <a:satOff val="-41972"/>
                <a:lumOff val="154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06049927-BC8F-4554-B321-E31D0020C12A}">
      <dsp:nvSpPr>
        <dsp:cNvPr id="0" name=""/>
        <dsp:cNvSpPr/>
      </dsp:nvSpPr>
      <dsp:spPr>
        <a:xfrm>
          <a:off x="7292230" y="24112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9096231"/>
                <a:satOff val="-41972"/>
                <a:lumOff val="154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District Benchmarks</a:t>
          </a:r>
        </a:p>
      </dsp:txBody>
      <dsp:txXfrm>
        <a:off x="7318768" y="2437783"/>
        <a:ext cx="1079497" cy="852983"/>
      </dsp:txXfrm>
    </dsp:sp>
    <dsp:sp modelId="{1881CE8C-BC11-4228-9FA7-6F7000ECA4A9}">
      <dsp:nvSpPr>
        <dsp:cNvPr id="0" name=""/>
        <dsp:cNvSpPr/>
      </dsp:nvSpPr>
      <dsp:spPr>
        <a:xfrm>
          <a:off x="5331018" y="4083615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10395692"/>
                <a:satOff val="-47968"/>
                <a:lumOff val="176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47E4965-DEA0-43C6-8B01-88DB05DD63D0}">
      <dsp:nvSpPr>
        <dsp:cNvPr id="0" name=""/>
        <dsp:cNvSpPr/>
      </dsp:nvSpPr>
      <dsp:spPr>
        <a:xfrm>
          <a:off x="7580633" y="38611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10395692"/>
                <a:satOff val="-47968"/>
                <a:lumOff val="176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Other Tests – ACT, AP, SAT, PSAT</a:t>
          </a:r>
        </a:p>
      </dsp:txBody>
      <dsp:txXfrm>
        <a:off x="7607171" y="3887683"/>
        <a:ext cx="1079497" cy="852983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39F4C2E-E9DF-49C1-971A-300ED534E678}">
      <dsp:nvSpPr>
        <dsp:cNvPr id="0" name=""/>
        <dsp:cNvSpPr/>
      </dsp:nvSpPr>
      <dsp:spPr>
        <a:xfrm rot="5400000">
          <a:off x="10977829" y="496007"/>
          <a:ext cx="850489" cy="968252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4">
            <a:tint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5D93D68-2C82-4927-8040-425C4F8E27F5}">
      <dsp:nvSpPr>
        <dsp:cNvPr id="0" name=""/>
        <dsp:cNvSpPr/>
      </dsp:nvSpPr>
      <dsp:spPr>
        <a:xfrm>
          <a:off x="1693576" y="45265"/>
          <a:ext cx="1716351" cy="1002160"/>
        </a:xfrm>
        <a:prstGeom prst="roundRect">
          <a:avLst>
            <a:gd name="adj" fmla="val 1667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>
              <a:solidFill>
                <a:schemeClr val="tx1"/>
              </a:solidFill>
            </a:rPr>
            <a:t>Communications with schools, parents, staff</a:t>
          </a:r>
        </a:p>
      </dsp:txBody>
      <dsp:txXfrm>
        <a:off x="1742506" y="94195"/>
        <a:ext cx="1618491" cy="904300"/>
      </dsp:txXfrm>
    </dsp:sp>
    <dsp:sp modelId="{495CC102-463D-4DD7-9B56-9E6650BF5361}">
      <dsp:nvSpPr>
        <dsp:cNvPr id="0" name=""/>
        <dsp:cNvSpPr/>
      </dsp:nvSpPr>
      <dsp:spPr>
        <a:xfrm>
          <a:off x="3267613" y="140844"/>
          <a:ext cx="1041299" cy="80999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4876D44-D6D3-4F2F-9CBB-054163599CEF}">
      <dsp:nvSpPr>
        <dsp:cNvPr id="0" name=""/>
        <dsp:cNvSpPr/>
      </dsp:nvSpPr>
      <dsp:spPr>
        <a:xfrm rot="5400000">
          <a:off x="3174266" y="2113807"/>
          <a:ext cx="850489" cy="968252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4">
            <a:tint val="50000"/>
            <a:hueOff val="2874975"/>
            <a:satOff val="-15762"/>
            <a:lumOff val="170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55275E3-5921-482A-8EFE-02C18F40905E}">
      <dsp:nvSpPr>
        <dsp:cNvPr id="0" name=""/>
        <dsp:cNvSpPr/>
      </dsp:nvSpPr>
      <dsp:spPr>
        <a:xfrm>
          <a:off x="2948938" y="1171022"/>
          <a:ext cx="1431724" cy="1002160"/>
        </a:xfrm>
        <a:prstGeom prst="roundRect">
          <a:avLst>
            <a:gd name="adj" fmla="val 16670"/>
          </a:avLst>
        </a:prstGeom>
        <a:solidFill>
          <a:schemeClr val="accent4">
            <a:hueOff val="2079139"/>
            <a:satOff val="-9594"/>
            <a:lumOff val="35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>
              <a:solidFill>
                <a:schemeClr val="tx1"/>
              </a:solidFill>
            </a:rPr>
            <a:t>Assessment Reports</a:t>
          </a:r>
        </a:p>
      </dsp:txBody>
      <dsp:txXfrm>
        <a:off x="2997868" y="1219952"/>
        <a:ext cx="1333864" cy="904300"/>
      </dsp:txXfrm>
    </dsp:sp>
    <dsp:sp modelId="{8824A308-3F8C-4984-94E7-09E16DB0F1C2}">
      <dsp:nvSpPr>
        <dsp:cNvPr id="0" name=""/>
        <dsp:cNvSpPr/>
      </dsp:nvSpPr>
      <dsp:spPr>
        <a:xfrm>
          <a:off x="4380662" y="1266601"/>
          <a:ext cx="1041299" cy="80999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E66BFB4-1849-4160-81A7-0D7CEC77C7CB}">
      <dsp:nvSpPr>
        <dsp:cNvPr id="0" name=""/>
        <dsp:cNvSpPr/>
      </dsp:nvSpPr>
      <dsp:spPr>
        <a:xfrm rot="5400000">
          <a:off x="4429628" y="3239564"/>
          <a:ext cx="850489" cy="968252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4">
            <a:tint val="50000"/>
            <a:hueOff val="5749951"/>
            <a:satOff val="-31524"/>
            <a:lumOff val="340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FBFD8DD-FABE-41E6-824E-C6A6BD4C3A88}">
      <dsp:nvSpPr>
        <dsp:cNvPr id="0" name=""/>
        <dsp:cNvSpPr/>
      </dsp:nvSpPr>
      <dsp:spPr>
        <a:xfrm>
          <a:off x="4204300" y="2296779"/>
          <a:ext cx="1431724" cy="1002160"/>
        </a:xfrm>
        <a:prstGeom prst="roundRect">
          <a:avLst>
            <a:gd name="adj" fmla="val 16670"/>
          </a:avLst>
        </a:prstGeom>
        <a:solidFill>
          <a:schemeClr val="accent4">
            <a:hueOff val="4158277"/>
            <a:satOff val="-19187"/>
            <a:lumOff val="706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>
              <a:solidFill>
                <a:schemeClr val="tx1"/>
              </a:solidFill>
            </a:rPr>
            <a:t>Student Assessment</a:t>
          </a:r>
        </a:p>
      </dsp:txBody>
      <dsp:txXfrm>
        <a:off x="4253230" y="2345709"/>
        <a:ext cx="1333864" cy="904300"/>
      </dsp:txXfrm>
    </dsp:sp>
    <dsp:sp modelId="{3823247F-6F96-4B40-A9AE-A9EC10B020CD}">
      <dsp:nvSpPr>
        <dsp:cNvPr id="0" name=""/>
        <dsp:cNvSpPr/>
      </dsp:nvSpPr>
      <dsp:spPr>
        <a:xfrm>
          <a:off x="5636024" y="2392358"/>
          <a:ext cx="1041299" cy="80999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28E6F76-2057-444C-9811-B30782922D9D}">
      <dsp:nvSpPr>
        <dsp:cNvPr id="0" name=""/>
        <dsp:cNvSpPr/>
      </dsp:nvSpPr>
      <dsp:spPr>
        <a:xfrm rot="5400000">
          <a:off x="10977829" y="2472249"/>
          <a:ext cx="850489" cy="968252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4">
            <a:tint val="50000"/>
            <a:hueOff val="8624926"/>
            <a:satOff val="-47285"/>
            <a:lumOff val="511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9B37BBB-C4D4-4A0A-894A-33B6531BE063}">
      <dsp:nvSpPr>
        <dsp:cNvPr id="0" name=""/>
        <dsp:cNvSpPr/>
      </dsp:nvSpPr>
      <dsp:spPr>
        <a:xfrm>
          <a:off x="5459662" y="3422536"/>
          <a:ext cx="1431724" cy="1002160"/>
        </a:xfrm>
        <a:prstGeom prst="roundRect">
          <a:avLst>
            <a:gd name="adj" fmla="val 16670"/>
          </a:avLst>
        </a:prstGeom>
        <a:solidFill>
          <a:schemeClr val="accent4">
            <a:hueOff val="6237415"/>
            <a:satOff val="-28781"/>
            <a:lumOff val="105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>
              <a:solidFill>
                <a:schemeClr val="tx1"/>
              </a:solidFill>
            </a:rPr>
            <a:t>Training – District and School Level</a:t>
          </a:r>
          <a:endParaRPr lang="en-US" sz="1050" b="1" kern="1200">
            <a:solidFill>
              <a:schemeClr val="tx1"/>
            </a:solidFill>
          </a:endParaRPr>
        </a:p>
      </dsp:txBody>
      <dsp:txXfrm>
        <a:off x="5508592" y="3471466"/>
        <a:ext cx="1333864" cy="904300"/>
      </dsp:txXfrm>
    </dsp:sp>
    <dsp:sp modelId="{DD5EA879-018B-4D03-95CC-3958D53DC84A}">
      <dsp:nvSpPr>
        <dsp:cNvPr id="0" name=""/>
        <dsp:cNvSpPr/>
      </dsp:nvSpPr>
      <dsp:spPr>
        <a:xfrm>
          <a:off x="6891386" y="3518115"/>
          <a:ext cx="1041299" cy="80999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BFBD542-3066-47CF-A662-C82175A0E84F}">
      <dsp:nvSpPr>
        <dsp:cNvPr id="0" name=""/>
        <dsp:cNvSpPr/>
      </dsp:nvSpPr>
      <dsp:spPr>
        <a:xfrm rot="5400000">
          <a:off x="6940352" y="5491078"/>
          <a:ext cx="850489" cy="968252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4">
            <a:tint val="50000"/>
            <a:hueOff val="11499901"/>
            <a:satOff val="-63047"/>
            <a:lumOff val="681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01717C3-DBAE-4FAA-BEED-CFD2DE482D86}">
      <dsp:nvSpPr>
        <dsp:cNvPr id="0" name=""/>
        <dsp:cNvSpPr/>
      </dsp:nvSpPr>
      <dsp:spPr>
        <a:xfrm>
          <a:off x="6715024" y="4548293"/>
          <a:ext cx="1431724" cy="1002160"/>
        </a:xfrm>
        <a:prstGeom prst="roundRect">
          <a:avLst>
            <a:gd name="adj" fmla="val 16670"/>
          </a:avLst>
        </a:prstGeom>
        <a:solidFill>
          <a:schemeClr val="accent4">
            <a:hueOff val="8316554"/>
            <a:satOff val="-38374"/>
            <a:lumOff val="141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>
              <a:solidFill>
                <a:schemeClr val="tx1"/>
              </a:solidFill>
            </a:rPr>
            <a:t>Review of Technology </a:t>
          </a:r>
        </a:p>
      </dsp:txBody>
      <dsp:txXfrm>
        <a:off x="6763954" y="4597223"/>
        <a:ext cx="1333864" cy="904300"/>
      </dsp:txXfrm>
    </dsp:sp>
    <dsp:sp modelId="{6FBF86CA-8130-4152-8F4D-809BD033EAD5}">
      <dsp:nvSpPr>
        <dsp:cNvPr id="0" name=""/>
        <dsp:cNvSpPr/>
      </dsp:nvSpPr>
      <dsp:spPr>
        <a:xfrm>
          <a:off x="8146748" y="4643872"/>
          <a:ext cx="1041299" cy="80999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A75A88C-4C41-44AD-BFA7-FB3A49F916F7}">
      <dsp:nvSpPr>
        <dsp:cNvPr id="0" name=""/>
        <dsp:cNvSpPr/>
      </dsp:nvSpPr>
      <dsp:spPr>
        <a:xfrm>
          <a:off x="7970386" y="5674050"/>
          <a:ext cx="2223238" cy="1002160"/>
        </a:xfrm>
        <a:prstGeom prst="roundRect">
          <a:avLst>
            <a:gd name="adj" fmla="val 16670"/>
          </a:avLst>
        </a:prstGeom>
        <a:solidFill>
          <a:schemeClr val="accent6">
            <a:lumMod val="60000"/>
            <a:lumOff val="4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>
              <a:solidFill>
                <a:schemeClr val="tx1"/>
              </a:solidFill>
            </a:rPr>
            <a:t>Testing Calendar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b="1" kern="1200">
              <a:solidFill>
                <a:schemeClr val="tx1"/>
              </a:solidFill>
            </a:rPr>
            <a:t>(Graduation, Retest, End of Year Activities, Close of school)</a:t>
          </a:r>
        </a:p>
      </dsp:txBody>
      <dsp:txXfrm>
        <a:off x="8019316" y="5722980"/>
        <a:ext cx="2125378" cy="9043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F6A5EDD-A51C-42A9-A90F-0AF8FF987BDD}">
      <dsp:nvSpPr>
        <dsp:cNvPr id="0" name=""/>
        <dsp:cNvSpPr/>
      </dsp:nvSpPr>
      <dsp:spPr>
        <a:xfrm>
          <a:off x="3549167" y="3505193"/>
          <a:ext cx="1617962" cy="1617962"/>
        </a:xfrm>
        <a:prstGeom prst="ellips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ystem Test Coordinator</a:t>
          </a:r>
        </a:p>
      </dsp:txBody>
      <dsp:txXfrm>
        <a:off x="3786112" y="3742138"/>
        <a:ext cx="1144072" cy="1144072"/>
      </dsp:txXfrm>
    </dsp:sp>
    <dsp:sp modelId="{E77A35C0-00E7-44E0-B0A1-3F6AE8CFB3DF}">
      <dsp:nvSpPr>
        <dsp:cNvPr id="0" name=""/>
        <dsp:cNvSpPr/>
      </dsp:nvSpPr>
      <dsp:spPr>
        <a:xfrm rot="10800000">
          <a:off x="569376" y="4083615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686F645D-3221-4AED-A5B5-C40C09203A41}">
      <dsp:nvSpPr>
        <dsp:cNvPr id="0" name=""/>
        <dsp:cNvSpPr/>
      </dsp:nvSpPr>
      <dsp:spPr>
        <a:xfrm>
          <a:off x="3090" y="38611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KIDS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IS Coordinators</a:t>
          </a:r>
        </a:p>
      </dsp:txBody>
      <dsp:txXfrm>
        <a:off x="29628" y="3887683"/>
        <a:ext cx="1079497" cy="852983"/>
      </dsp:txXfrm>
    </dsp:sp>
    <dsp:sp modelId="{464D594D-242C-463E-B32E-1053E8E227D6}">
      <dsp:nvSpPr>
        <dsp:cNvPr id="0" name=""/>
        <dsp:cNvSpPr/>
      </dsp:nvSpPr>
      <dsp:spPr>
        <a:xfrm rot="12150000">
          <a:off x="750606" y="317251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1299462"/>
                <a:satOff val="-5996"/>
                <a:lumOff val="22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4F893C72-34C1-42AA-8331-37B665C2F9B2}">
      <dsp:nvSpPr>
        <dsp:cNvPr id="0" name=""/>
        <dsp:cNvSpPr/>
      </dsp:nvSpPr>
      <dsp:spPr>
        <a:xfrm>
          <a:off x="291493" y="24112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1299462"/>
                <a:satOff val="-5996"/>
                <a:lumOff val="22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orgia Milestones – Technology Directors</a:t>
          </a:r>
        </a:p>
      </dsp:txBody>
      <dsp:txXfrm>
        <a:off x="318031" y="2437783"/>
        <a:ext cx="1079497" cy="852983"/>
      </dsp:txXfrm>
    </dsp:sp>
    <dsp:sp modelId="{35897AB9-F50F-4154-B1CE-29D21B0F3317}">
      <dsp:nvSpPr>
        <dsp:cNvPr id="0" name=""/>
        <dsp:cNvSpPr/>
      </dsp:nvSpPr>
      <dsp:spPr>
        <a:xfrm rot="13500000">
          <a:off x="1266703" y="2400120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2598923"/>
                <a:satOff val="-11992"/>
                <a:lumOff val="44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6B5C0C3-1107-4481-ADE9-C2EAAC4A4E9D}">
      <dsp:nvSpPr>
        <dsp:cNvPr id="0" name=""/>
        <dsp:cNvSpPr/>
      </dsp:nvSpPr>
      <dsp:spPr>
        <a:xfrm>
          <a:off x="1112795" y="1182079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2598923"/>
                <a:satOff val="-11992"/>
                <a:lumOff val="44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ACCESS for ELLs 2.0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ESOL/Title III Coordinators</a:t>
          </a:r>
        </a:p>
      </dsp:txBody>
      <dsp:txXfrm>
        <a:off x="1139333" y="1208617"/>
        <a:ext cx="1079497" cy="852983"/>
      </dsp:txXfrm>
    </dsp:sp>
    <dsp:sp modelId="{0AB9F6B9-2E7A-4328-AF7E-AAD1DA9ECC16}">
      <dsp:nvSpPr>
        <dsp:cNvPr id="0" name=""/>
        <dsp:cNvSpPr/>
      </dsp:nvSpPr>
      <dsp:spPr>
        <a:xfrm rot="14850000">
          <a:off x="2039096" y="1884023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3898385"/>
                <a:satOff val="-17988"/>
                <a:lumOff val="662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CB7D79E4-17BA-40DA-9984-4206026BEABB}">
      <dsp:nvSpPr>
        <dsp:cNvPr id="0" name=""/>
        <dsp:cNvSpPr/>
      </dsp:nvSpPr>
      <dsp:spPr>
        <a:xfrm>
          <a:off x="2341961" y="360776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3898385"/>
                <a:satOff val="-17988"/>
                <a:lumOff val="662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AA 2.0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pecial Education Directors</a:t>
          </a:r>
        </a:p>
      </dsp:txBody>
      <dsp:txXfrm>
        <a:off x="2368499" y="387314"/>
        <a:ext cx="1079497" cy="852983"/>
      </dsp:txXfrm>
    </dsp:sp>
    <dsp:sp modelId="{2C555422-FC23-4E36-8FE8-A7AD35C67F61}">
      <dsp:nvSpPr>
        <dsp:cNvPr id="0" name=""/>
        <dsp:cNvSpPr/>
      </dsp:nvSpPr>
      <dsp:spPr>
        <a:xfrm rot="16200000">
          <a:off x="2950197" y="170279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5197846"/>
                <a:satOff val="-23984"/>
                <a:lumOff val="88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B7E099AC-2BC6-44CB-8B75-6279FF84CE54}">
      <dsp:nvSpPr>
        <dsp:cNvPr id="0" name=""/>
        <dsp:cNvSpPr/>
      </dsp:nvSpPr>
      <dsp:spPr>
        <a:xfrm>
          <a:off x="3791861" y="72373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5197846"/>
                <a:satOff val="-23984"/>
                <a:lumOff val="88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NAEP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Principals and School Test Coordinators</a:t>
          </a:r>
        </a:p>
      </dsp:txBody>
      <dsp:txXfrm>
        <a:off x="3818399" y="98911"/>
        <a:ext cx="1079497" cy="852983"/>
      </dsp:txXfrm>
    </dsp:sp>
    <dsp:sp modelId="{2C819C2B-AA88-440D-B78F-7727F99136C4}">
      <dsp:nvSpPr>
        <dsp:cNvPr id="0" name=""/>
        <dsp:cNvSpPr/>
      </dsp:nvSpPr>
      <dsp:spPr>
        <a:xfrm rot="17550000">
          <a:off x="3861298" y="1884023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6497308"/>
                <a:satOff val="-29980"/>
                <a:lumOff val="110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C07961B7-F270-41CB-B335-2F7F0673A3A4}">
      <dsp:nvSpPr>
        <dsp:cNvPr id="0" name=""/>
        <dsp:cNvSpPr/>
      </dsp:nvSpPr>
      <dsp:spPr>
        <a:xfrm>
          <a:off x="5241761" y="360776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6497308"/>
                <a:satOff val="-29980"/>
                <a:lumOff val="110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Keenville -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IS Coordinator; SLDS access</a:t>
          </a:r>
          <a:endParaRPr lang="en-US" sz="1100" kern="1200" dirty="0"/>
        </a:p>
      </dsp:txBody>
      <dsp:txXfrm>
        <a:off x="5268299" y="387314"/>
        <a:ext cx="1079497" cy="852983"/>
      </dsp:txXfrm>
    </dsp:sp>
    <dsp:sp modelId="{1AA61B0E-9BC7-4FC4-AA70-CDB3E63E3C13}">
      <dsp:nvSpPr>
        <dsp:cNvPr id="0" name=""/>
        <dsp:cNvSpPr/>
      </dsp:nvSpPr>
      <dsp:spPr>
        <a:xfrm rot="18900000">
          <a:off x="4633692" y="2400120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7796769"/>
                <a:satOff val="-35976"/>
                <a:lumOff val="132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6B87873A-FAAB-4BD8-942E-3A37991CB3ED}">
      <dsp:nvSpPr>
        <dsp:cNvPr id="0" name=""/>
        <dsp:cNvSpPr/>
      </dsp:nvSpPr>
      <dsp:spPr>
        <a:xfrm>
          <a:off x="6470927" y="1182079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7796769"/>
                <a:satOff val="-35976"/>
                <a:lumOff val="132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istrict Holidays –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chool Board</a:t>
          </a:r>
        </a:p>
      </dsp:txBody>
      <dsp:txXfrm>
        <a:off x="6497465" y="1208617"/>
        <a:ext cx="1079497" cy="852983"/>
      </dsp:txXfrm>
    </dsp:sp>
    <dsp:sp modelId="{692340EB-9F57-4476-863F-827CCA3284A9}">
      <dsp:nvSpPr>
        <dsp:cNvPr id="0" name=""/>
        <dsp:cNvSpPr/>
      </dsp:nvSpPr>
      <dsp:spPr>
        <a:xfrm rot="20250000">
          <a:off x="5149789" y="317251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9096231"/>
                <a:satOff val="-41972"/>
                <a:lumOff val="154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06049927-BC8F-4554-B321-E31D0020C12A}">
      <dsp:nvSpPr>
        <dsp:cNvPr id="0" name=""/>
        <dsp:cNvSpPr/>
      </dsp:nvSpPr>
      <dsp:spPr>
        <a:xfrm>
          <a:off x="7292230" y="24112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9096231"/>
                <a:satOff val="-41972"/>
                <a:lumOff val="154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istrict Benchmarks – Curriculum Directors</a:t>
          </a:r>
        </a:p>
      </dsp:txBody>
      <dsp:txXfrm>
        <a:off x="7318768" y="2437783"/>
        <a:ext cx="1079497" cy="852983"/>
      </dsp:txXfrm>
    </dsp:sp>
    <dsp:sp modelId="{1881CE8C-BC11-4228-9FA7-6F7000ECA4A9}">
      <dsp:nvSpPr>
        <dsp:cNvPr id="0" name=""/>
        <dsp:cNvSpPr/>
      </dsp:nvSpPr>
      <dsp:spPr>
        <a:xfrm>
          <a:off x="5331018" y="4083615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10395692"/>
                <a:satOff val="-47968"/>
                <a:lumOff val="176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47E4965-DEA0-43C6-8B01-88DB05DD63D0}">
      <dsp:nvSpPr>
        <dsp:cNvPr id="0" name=""/>
        <dsp:cNvSpPr/>
      </dsp:nvSpPr>
      <dsp:spPr>
        <a:xfrm>
          <a:off x="7580633" y="38611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10395692"/>
                <a:satOff val="-47968"/>
                <a:lumOff val="176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Other Tests – ACT, AP, SAT, PSAT – Curriculum Directors</a:t>
          </a:r>
        </a:p>
      </dsp:txBody>
      <dsp:txXfrm>
        <a:off x="7607171" y="3887683"/>
        <a:ext cx="1079497" cy="85298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F6A5EDD-A51C-42A9-A90F-0AF8FF987BDD}">
      <dsp:nvSpPr>
        <dsp:cNvPr id="0" name=""/>
        <dsp:cNvSpPr/>
      </dsp:nvSpPr>
      <dsp:spPr>
        <a:xfrm>
          <a:off x="3549167" y="3505193"/>
          <a:ext cx="1617962" cy="1617962"/>
        </a:xfrm>
        <a:prstGeom prst="ellips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3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System Test Coordinator</a:t>
          </a:r>
        </a:p>
      </dsp:txBody>
      <dsp:txXfrm>
        <a:off x="3786112" y="3742138"/>
        <a:ext cx="1144072" cy="1144072"/>
      </dsp:txXfrm>
    </dsp:sp>
    <dsp:sp modelId="{E77A35C0-00E7-44E0-B0A1-3F6AE8CFB3DF}">
      <dsp:nvSpPr>
        <dsp:cNvPr id="0" name=""/>
        <dsp:cNvSpPr/>
      </dsp:nvSpPr>
      <dsp:spPr>
        <a:xfrm rot="10800000">
          <a:off x="569376" y="4083615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686F645D-3221-4AED-A5B5-C40C09203A41}">
      <dsp:nvSpPr>
        <dsp:cNvPr id="0" name=""/>
        <dsp:cNvSpPr/>
      </dsp:nvSpPr>
      <dsp:spPr>
        <a:xfrm>
          <a:off x="3090" y="38611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0"/>
                <a:satOff val="0"/>
                <a:lumOff val="0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0"/>
                <a:satOff val="0"/>
                <a:lumOff val="0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0"/>
                <a:satOff val="0"/>
                <a:lumOff val="0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KIDS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IS Coordinators</a:t>
          </a:r>
        </a:p>
      </dsp:txBody>
      <dsp:txXfrm>
        <a:off x="29628" y="3887683"/>
        <a:ext cx="1079497" cy="852983"/>
      </dsp:txXfrm>
    </dsp:sp>
    <dsp:sp modelId="{464D594D-242C-463E-B32E-1053E8E227D6}">
      <dsp:nvSpPr>
        <dsp:cNvPr id="0" name=""/>
        <dsp:cNvSpPr/>
      </dsp:nvSpPr>
      <dsp:spPr>
        <a:xfrm rot="12150000">
          <a:off x="750606" y="317251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1299462"/>
                <a:satOff val="-5996"/>
                <a:lumOff val="22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4F893C72-34C1-42AA-8331-37B665C2F9B2}">
      <dsp:nvSpPr>
        <dsp:cNvPr id="0" name=""/>
        <dsp:cNvSpPr/>
      </dsp:nvSpPr>
      <dsp:spPr>
        <a:xfrm>
          <a:off x="291493" y="24112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1299462"/>
                <a:satOff val="-5996"/>
                <a:lumOff val="22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299462"/>
                <a:satOff val="-5996"/>
                <a:lumOff val="22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eorgia Milestones – Technology Directors</a:t>
          </a:r>
        </a:p>
      </dsp:txBody>
      <dsp:txXfrm>
        <a:off x="318031" y="2437783"/>
        <a:ext cx="1079497" cy="852983"/>
      </dsp:txXfrm>
    </dsp:sp>
    <dsp:sp modelId="{35897AB9-F50F-4154-B1CE-29D21B0F3317}">
      <dsp:nvSpPr>
        <dsp:cNvPr id="0" name=""/>
        <dsp:cNvSpPr/>
      </dsp:nvSpPr>
      <dsp:spPr>
        <a:xfrm rot="13500000">
          <a:off x="1266703" y="2400120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2598923"/>
                <a:satOff val="-11992"/>
                <a:lumOff val="44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6B5C0C3-1107-4481-ADE9-C2EAAC4A4E9D}">
      <dsp:nvSpPr>
        <dsp:cNvPr id="0" name=""/>
        <dsp:cNvSpPr/>
      </dsp:nvSpPr>
      <dsp:spPr>
        <a:xfrm>
          <a:off x="1112795" y="1182079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2598923"/>
                <a:satOff val="-11992"/>
                <a:lumOff val="441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2598923"/>
                <a:satOff val="-11992"/>
                <a:lumOff val="441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ACCESS for ELLs 2.0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ESOL/Title III Coordinators</a:t>
          </a:r>
        </a:p>
      </dsp:txBody>
      <dsp:txXfrm>
        <a:off x="1139333" y="1208617"/>
        <a:ext cx="1079497" cy="852983"/>
      </dsp:txXfrm>
    </dsp:sp>
    <dsp:sp modelId="{0AB9F6B9-2E7A-4328-AF7E-AAD1DA9ECC16}">
      <dsp:nvSpPr>
        <dsp:cNvPr id="0" name=""/>
        <dsp:cNvSpPr/>
      </dsp:nvSpPr>
      <dsp:spPr>
        <a:xfrm rot="14850000">
          <a:off x="2039096" y="1884023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3898385"/>
                <a:satOff val="-17988"/>
                <a:lumOff val="662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CB7D79E4-17BA-40DA-9984-4206026BEABB}">
      <dsp:nvSpPr>
        <dsp:cNvPr id="0" name=""/>
        <dsp:cNvSpPr/>
      </dsp:nvSpPr>
      <dsp:spPr>
        <a:xfrm>
          <a:off x="2341961" y="360776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3898385"/>
                <a:satOff val="-17988"/>
                <a:lumOff val="662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3898385"/>
                <a:satOff val="-17988"/>
                <a:lumOff val="662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GAA 2.0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pecial Education Directors</a:t>
          </a:r>
        </a:p>
      </dsp:txBody>
      <dsp:txXfrm>
        <a:off x="2368499" y="387314"/>
        <a:ext cx="1079497" cy="852983"/>
      </dsp:txXfrm>
    </dsp:sp>
    <dsp:sp modelId="{2C555422-FC23-4E36-8FE8-A7AD35C67F61}">
      <dsp:nvSpPr>
        <dsp:cNvPr id="0" name=""/>
        <dsp:cNvSpPr/>
      </dsp:nvSpPr>
      <dsp:spPr>
        <a:xfrm rot="16200000">
          <a:off x="2950197" y="170279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5197846"/>
                <a:satOff val="-23984"/>
                <a:lumOff val="88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B7E099AC-2BC6-44CB-8B75-6279FF84CE54}">
      <dsp:nvSpPr>
        <dsp:cNvPr id="0" name=""/>
        <dsp:cNvSpPr/>
      </dsp:nvSpPr>
      <dsp:spPr>
        <a:xfrm>
          <a:off x="3791861" y="72373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5197846"/>
                <a:satOff val="-23984"/>
                <a:lumOff val="88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5197846"/>
                <a:satOff val="-23984"/>
                <a:lumOff val="88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NAEP – 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Principals and School Test Coordinators</a:t>
          </a:r>
        </a:p>
      </dsp:txBody>
      <dsp:txXfrm>
        <a:off x="3818399" y="98911"/>
        <a:ext cx="1079497" cy="852983"/>
      </dsp:txXfrm>
    </dsp:sp>
    <dsp:sp modelId="{2C819C2B-AA88-440D-B78F-7727F99136C4}">
      <dsp:nvSpPr>
        <dsp:cNvPr id="0" name=""/>
        <dsp:cNvSpPr/>
      </dsp:nvSpPr>
      <dsp:spPr>
        <a:xfrm rot="17550000">
          <a:off x="3861298" y="1884023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6497308"/>
                <a:satOff val="-29980"/>
                <a:lumOff val="110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C07961B7-F270-41CB-B335-2F7F0673A3A4}">
      <dsp:nvSpPr>
        <dsp:cNvPr id="0" name=""/>
        <dsp:cNvSpPr/>
      </dsp:nvSpPr>
      <dsp:spPr>
        <a:xfrm>
          <a:off x="5241761" y="360776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6497308"/>
                <a:satOff val="-29980"/>
                <a:lumOff val="1103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6497308"/>
                <a:satOff val="-29980"/>
                <a:lumOff val="1103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Keenville - SIS Coordinator; SLDS access</a:t>
          </a:r>
          <a:endParaRPr lang="en-US" sz="1100" kern="1200" dirty="0"/>
        </a:p>
      </dsp:txBody>
      <dsp:txXfrm>
        <a:off x="5268299" y="387314"/>
        <a:ext cx="1079497" cy="852983"/>
      </dsp:txXfrm>
    </dsp:sp>
    <dsp:sp modelId="{1AA61B0E-9BC7-4FC4-AA70-CDB3E63E3C13}">
      <dsp:nvSpPr>
        <dsp:cNvPr id="0" name=""/>
        <dsp:cNvSpPr/>
      </dsp:nvSpPr>
      <dsp:spPr>
        <a:xfrm rot="18900000">
          <a:off x="4633692" y="2400120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7796769"/>
                <a:satOff val="-35976"/>
                <a:lumOff val="132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6B87873A-FAAB-4BD8-942E-3A37991CB3ED}">
      <dsp:nvSpPr>
        <dsp:cNvPr id="0" name=""/>
        <dsp:cNvSpPr/>
      </dsp:nvSpPr>
      <dsp:spPr>
        <a:xfrm>
          <a:off x="6470927" y="1182079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7796769"/>
                <a:satOff val="-35976"/>
                <a:lumOff val="132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7796769"/>
                <a:satOff val="-35976"/>
                <a:lumOff val="132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istrict Holidays –</a:t>
          </a:r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School Board</a:t>
          </a:r>
        </a:p>
      </dsp:txBody>
      <dsp:txXfrm>
        <a:off x="6497465" y="1208617"/>
        <a:ext cx="1079497" cy="852983"/>
      </dsp:txXfrm>
    </dsp:sp>
    <dsp:sp modelId="{692340EB-9F57-4476-863F-827CCA3284A9}">
      <dsp:nvSpPr>
        <dsp:cNvPr id="0" name=""/>
        <dsp:cNvSpPr/>
      </dsp:nvSpPr>
      <dsp:spPr>
        <a:xfrm rot="20250000">
          <a:off x="5149789" y="3172514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9096231"/>
                <a:satOff val="-41972"/>
                <a:lumOff val="154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06049927-BC8F-4554-B321-E31D0020C12A}">
      <dsp:nvSpPr>
        <dsp:cNvPr id="0" name=""/>
        <dsp:cNvSpPr/>
      </dsp:nvSpPr>
      <dsp:spPr>
        <a:xfrm>
          <a:off x="7292230" y="24112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9096231"/>
                <a:satOff val="-41972"/>
                <a:lumOff val="1544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9096231"/>
                <a:satOff val="-41972"/>
                <a:lumOff val="1544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District Benchmarks – Curriculum Directors</a:t>
          </a:r>
        </a:p>
      </dsp:txBody>
      <dsp:txXfrm>
        <a:off x="7318768" y="2437783"/>
        <a:ext cx="1079497" cy="852983"/>
      </dsp:txXfrm>
    </dsp:sp>
    <dsp:sp modelId="{1881CE8C-BC11-4228-9FA7-6F7000ECA4A9}">
      <dsp:nvSpPr>
        <dsp:cNvPr id="0" name=""/>
        <dsp:cNvSpPr/>
      </dsp:nvSpPr>
      <dsp:spPr>
        <a:xfrm>
          <a:off x="5331018" y="4083615"/>
          <a:ext cx="2815901" cy="46111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4">
                <a:hueOff val="10395692"/>
                <a:satOff val="-47968"/>
                <a:lumOff val="176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47E4965-DEA0-43C6-8B01-88DB05DD63D0}">
      <dsp:nvSpPr>
        <dsp:cNvPr id="0" name=""/>
        <dsp:cNvSpPr/>
      </dsp:nvSpPr>
      <dsp:spPr>
        <a:xfrm>
          <a:off x="7580633" y="3861145"/>
          <a:ext cx="1132573" cy="90605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4">
                <a:hueOff val="10395692"/>
                <a:satOff val="-47968"/>
                <a:lumOff val="1765"/>
                <a:alphaOff val="0"/>
                <a:lumMod val="110000"/>
                <a:satMod val="105000"/>
                <a:tint val="67000"/>
              </a:schemeClr>
            </a:gs>
            <a:gs pos="5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3000"/>
                <a:tint val="73000"/>
              </a:schemeClr>
            </a:gs>
            <a:gs pos="100000">
              <a:schemeClr val="accent4">
                <a:hueOff val="10395692"/>
                <a:satOff val="-47968"/>
                <a:lumOff val="1765"/>
                <a:alphaOff val="0"/>
                <a:lumMod val="105000"/>
                <a:satMod val="109000"/>
                <a:tint val="81000"/>
              </a:schemeClr>
            </a:gs>
          </a:gsLst>
          <a:lin ang="5400000" scaled="0"/>
        </a:gra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20955" tIns="20955" rIns="20955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kern="1200"/>
            <a:t>Other Tests – ACT, AP, SAT, PSAT – Curriculum Directors</a:t>
          </a:r>
        </a:p>
      </dsp:txBody>
      <dsp:txXfrm>
        <a:off x="7607171" y="3887683"/>
        <a:ext cx="1079497" cy="852983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F02C742-A25E-4D8A-B47B-40A115529A6D}">
      <dsp:nvSpPr>
        <dsp:cNvPr id="0" name=""/>
        <dsp:cNvSpPr/>
      </dsp:nvSpPr>
      <dsp:spPr>
        <a:xfrm>
          <a:off x="1663953" y="2869"/>
          <a:ext cx="3125809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Review System Requirements</a:t>
          </a:r>
        </a:p>
      </dsp:txBody>
      <dsp:txXfrm>
        <a:off x="1677708" y="16624"/>
        <a:ext cx="3098299" cy="442112"/>
      </dsp:txXfrm>
    </dsp:sp>
    <dsp:sp modelId="{38C700F2-8888-47D8-962B-0BF049EB1DB4}">
      <dsp:nvSpPr>
        <dsp:cNvPr id="0" name=""/>
        <dsp:cNvSpPr/>
      </dsp:nvSpPr>
      <dsp:spPr>
        <a:xfrm rot="5400000">
          <a:off x="3138804" y="484232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501843"/>
        <a:ext cx="126798" cy="123276"/>
      </dsp:txXfrm>
    </dsp:sp>
    <dsp:sp modelId="{C5C877CD-2321-4EB3-8110-A5667F4C2BCC}">
      <dsp:nvSpPr>
        <dsp:cNvPr id="0" name=""/>
        <dsp:cNvSpPr/>
      </dsp:nvSpPr>
      <dsp:spPr>
        <a:xfrm>
          <a:off x="1643356" y="707303"/>
          <a:ext cx="3167004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Determine District Needs</a:t>
          </a:r>
        </a:p>
      </dsp:txBody>
      <dsp:txXfrm>
        <a:off x="1657111" y="721058"/>
        <a:ext cx="3139494" cy="442112"/>
      </dsp:txXfrm>
    </dsp:sp>
    <dsp:sp modelId="{A86194B5-E5BB-4D18-94ED-55852504D7EE}">
      <dsp:nvSpPr>
        <dsp:cNvPr id="0" name=""/>
        <dsp:cNvSpPr/>
      </dsp:nvSpPr>
      <dsp:spPr>
        <a:xfrm rot="5400000">
          <a:off x="3138804" y="1188666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1206277"/>
        <a:ext cx="126798" cy="123276"/>
      </dsp:txXfrm>
    </dsp:sp>
    <dsp:sp modelId="{74457421-24EE-4A5D-91D2-79695DBC6DB1}">
      <dsp:nvSpPr>
        <dsp:cNvPr id="0" name=""/>
        <dsp:cNvSpPr/>
      </dsp:nvSpPr>
      <dsp:spPr>
        <a:xfrm>
          <a:off x="1645666" y="1411737"/>
          <a:ext cx="3162383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Purchase Machines</a:t>
          </a:r>
        </a:p>
      </dsp:txBody>
      <dsp:txXfrm>
        <a:off x="1659421" y="1425492"/>
        <a:ext cx="3134873" cy="442112"/>
      </dsp:txXfrm>
    </dsp:sp>
    <dsp:sp modelId="{8BE51A84-41B1-4241-9E1B-EE52E790305F}">
      <dsp:nvSpPr>
        <dsp:cNvPr id="0" name=""/>
        <dsp:cNvSpPr/>
      </dsp:nvSpPr>
      <dsp:spPr>
        <a:xfrm rot="5400000">
          <a:off x="3138804" y="1893101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1910712"/>
        <a:ext cx="126798" cy="123276"/>
      </dsp:txXfrm>
    </dsp:sp>
    <dsp:sp modelId="{1247D941-260C-46D0-A6A6-D587BF6C6053}">
      <dsp:nvSpPr>
        <dsp:cNvPr id="0" name=""/>
        <dsp:cNvSpPr/>
      </dsp:nvSpPr>
      <dsp:spPr>
        <a:xfrm>
          <a:off x="1643356" y="2116172"/>
          <a:ext cx="3167004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Update Bandwidth</a:t>
          </a:r>
        </a:p>
      </dsp:txBody>
      <dsp:txXfrm>
        <a:off x="1657111" y="2129927"/>
        <a:ext cx="3139494" cy="442112"/>
      </dsp:txXfrm>
    </dsp:sp>
    <dsp:sp modelId="{19490552-E7BD-4BD7-B62E-526A639C8748}">
      <dsp:nvSpPr>
        <dsp:cNvPr id="0" name=""/>
        <dsp:cNvSpPr/>
      </dsp:nvSpPr>
      <dsp:spPr>
        <a:xfrm rot="5400000">
          <a:off x="3138804" y="2597535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2615146"/>
        <a:ext cx="126798" cy="123276"/>
      </dsp:txXfrm>
    </dsp:sp>
    <dsp:sp modelId="{AA6D183B-DD97-4277-9B9F-6CA21669130C}">
      <dsp:nvSpPr>
        <dsp:cNvPr id="0" name=""/>
        <dsp:cNvSpPr/>
      </dsp:nvSpPr>
      <dsp:spPr>
        <a:xfrm>
          <a:off x="1643356" y="2820606"/>
          <a:ext cx="3167004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Familiarize Students with </a:t>
          </a:r>
          <a:br>
            <a:rPr lang="en-US" sz="1800" kern="1200"/>
          </a:br>
          <a:r>
            <a:rPr lang="en-US" sz="1800" kern="1200"/>
            <a:t>Test Format</a:t>
          </a:r>
        </a:p>
      </dsp:txBody>
      <dsp:txXfrm>
        <a:off x="1657111" y="2834361"/>
        <a:ext cx="3139494" cy="442112"/>
      </dsp:txXfrm>
    </dsp:sp>
    <dsp:sp modelId="{39AEBDDB-76B3-482E-BAF2-EC63D8105877}">
      <dsp:nvSpPr>
        <dsp:cNvPr id="0" name=""/>
        <dsp:cNvSpPr/>
      </dsp:nvSpPr>
      <dsp:spPr>
        <a:xfrm rot="5400000">
          <a:off x="3138804" y="3301969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3319580"/>
        <a:ext cx="126798" cy="123276"/>
      </dsp:txXfrm>
    </dsp:sp>
    <dsp:sp modelId="{DD8C1676-42E1-45C7-A9E5-A638D317EDFC}">
      <dsp:nvSpPr>
        <dsp:cNvPr id="0" name=""/>
        <dsp:cNvSpPr/>
      </dsp:nvSpPr>
      <dsp:spPr>
        <a:xfrm>
          <a:off x="1627830" y="3525040"/>
          <a:ext cx="3198056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Implement Secure Practice Test</a:t>
          </a:r>
        </a:p>
      </dsp:txBody>
      <dsp:txXfrm>
        <a:off x="1641585" y="3538795"/>
        <a:ext cx="3170546" cy="442112"/>
      </dsp:txXfrm>
    </dsp:sp>
    <dsp:sp modelId="{42E3D992-93F5-4940-AF75-528E3D99D102}">
      <dsp:nvSpPr>
        <dsp:cNvPr id="0" name=""/>
        <dsp:cNvSpPr/>
      </dsp:nvSpPr>
      <dsp:spPr>
        <a:xfrm rot="5400000">
          <a:off x="3138804" y="4006404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4024015"/>
        <a:ext cx="126798" cy="123276"/>
      </dsp:txXfrm>
    </dsp:sp>
    <dsp:sp modelId="{A0735194-07F1-4E5C-823F-C6FA358118DD}">
      <dsp:nvSpPr>
        <dsp:cNvPr id="0" name=""/>
        <dsp:cNvSpPr/>
      </dsp:nvSpPr>
      <dsp:spPr>
        <a:xfrm>
          <a:off x="1582812" y="4229474"/>
          <a:ext cx="3288092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Reevaluate System Setup</a:t>
          </a:r>
        </a:p>
      </dsp:txBody>
      <dsp:txXfrm>
        <a:off x="1596567" y="4243229"/>
        <a:ext cx="3260582" cy="442112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BCCDB68-3803-4E28-92E8-B34EF8E342AF}">
      <dsp:nvSpPr>
        <dsp:cNvPr id="0" name=""/>
        <dsp:cNvSpPr/>
      </dsp:nvSpPr>
      <dsp:spPr>
        <a:xfrm>
          <a:off x="2464" y="1452742"/>
          <a:ext cx="2402978" cy="96119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73152" rIns="128016" bIns="73152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1800" b="1" kern="1200">
              <a:solidFill>
                <a:schemeClr val="tx1"/>
              </a:solidFill>
              <a:latin typeface="Arial Rounded MT Bold" panose="020F0704030504030204" pitchFamily="34" charset="0"/>
              <a:ea typeface="+mj-ea"/>
              <a:cs typeface="+mj-cs"/>
            </a:rPr>
            <a:t>Secure Practice Test</a:t>
          </a:r>
          <a:endParaRPr lang="en-US" sz="1800" kern="1200">
            <a:solidFill>
              <a:schemeClr val="tx1"/>
            </a:solidFill>
          </a:endParaRPr>
        </a:p>
      </dsp:txBody>
      <dsp:txXfrm>
        <a:off x="2464" y="1452742"/>
        <a:ext cx="2402978" cy="961191"/>
      </dsp:txXfrm>
    </dsp:sp>
    <dsp:sp modelId="{E3D6EFEC-D141-47AA-AB04-E1F52D034FDD}">
      <dsp:nvSpPr>
        <dsp:cNvPr id="0" name=""/>
        <dsp:cNvSpPr/>
      </dsp:nvSpPr>
      <dsp:spPr>
        <a:xfrm>
          <a:off x="2464" y="2413933"/>
          <a:ext cx="2402978" cy="28548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Tickets found in pdf format in General Information of eDIRECT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Test taken through INSIGHT platform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Available year-round</a:t>
          </a:r>
        </a:p>
      </dsp:txBody>
      <dsp:txXfrm>
        <a:off x="2464" y="2413933"/>
        <a:ext cx="2402978" cy="2854800"/>
      </dsp:txXfrm>
    </dsp:sp>
    <dsp:sp modelId="{B9B74DAD-0622-4DAE-92D0-7C41196D120E}">
      <dsp:nvSpPr>
        <dsp:cNvPr id="0" name=""/>
        <dsp:cNvSpPr/>
      </dsp:nvSpPr>
      <dsp:spPr>
        <a:xfrm>
          <a:off x="2741860" y="1452742"/>
          <a:ext cx="2402978" cy="96119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73152" rIns="128016" bIns="73152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>
              <a:solidFill>
                <a:schemeClr val="tx1"/>
              </a:solidFill>
              <a:latin typeface="Arial Rounded MT Bold" panose="020F0704030504030204" pitchFamily="34" charset="0"/>
              <a:ea typeface="+mj-ea"/>
              <a:cs typeface="+mj-cs"/>
            </a:rPr>
            <a:t>Practice Test with Response Transmission</a:t>
          </a:r>
          <a:endParaRPr lang="en-US" sz="1800" kern="1200">
            <a:solidFill>
              <a:schemeClr val="tx1"/>
            </a:solidFill>
          </a:endParaRPr>
        </a:p>
      </dsp:txBody>
      <dsp:txXfrm>
        <a:off x="2741860" y="1452742"/>
        <a:ext cx="2402978" cy="961191"/>
      </dsp:txXfrm>
    </dsp:sp>
    <dsp:sp modelId="{D4522601-EA64-497A-A93F-41F0FC7F6252}">
      <dsp:nvSpPr>
        <dsp:cNvPr id="0" name=""/>
        <dsp:cNvSpPr/>
      </dsp:nvSpPr>
      <dsp:spPr>
        <a:xfrm>
          <a:off x="2741860" y="2413933"/>
          <a:ext cx="2402978" cy="28548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Students scheduled and tests printed through Test Administration of eDIRECT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Test taken through INSIGHT platform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Responses are sent through TSM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Available 8/6/18 – 5/31/19</a:t>
          </a:r>
        </a:p>
      </dsp:txBody>
      <dsp:txXfrm>
        <a:off x="2741860" y="2413933"/>
        <a:ext cx="2402978" cy="2854800"/>
      </dsp:txXfrm>
    </dsp:sp>
    <dsp:sp modelId="{B64FFE4C-2F38-44A7-8A05-A1FDDB16D68B}">
      <dsp:nvSpPr>
        <dsp:cNvPr id="0" name=""/>
        <dsp:cNvSpPr/>
      </dsp:nvSpPr>
      <dsp:spPr>
        <a:xfrm>
          <a:off x="5481256" y="1452742"/>
          <a:ext cx="2402978" cy="96119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73152" rIns="128016" bIns="73152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>
              <a:solidFill>
                <a:schemeClr val="tx1"/>
              </a:solidFill>
              <a:latin typeface="Arial Rounded MT Bold" panose="020F0704030504030204" pitchFamily="34" charset="0"/>
              <a:ea typeface="+mj-ea"/>
              <a:cs typeface="+mj-cs"/>
            </a:rPr>
            <a:t>Experience Online Testing Georgia</a:t>
          </a:r>
          <a:endParaRPr lang="en-US" sz="1800" kern="1200">
            <a:solidFill>
              <a:schemeClr val="tx1"/>
            </a:solidFill>
          </a:endParaRPr>
        </a:p>
      </dsp:txBody>
      <dsp:txXfrm>
        <a:off x="5481256" y="1452742"/>
        <a:ext cx="2402978" cy="961191"/>
      </dsp:txXfrm>
    </dsp:sp>
    <dsp:sp modelId="{03AE0824-9373-4377-A118-C481E6564EDA}">
      <dsp:nvSpPr>
        <dsp:cNvPr id="0" name=""/>
        <dsp:cNvSpPr/>
      </dsp:nvSpPr>
      <dsp:spPr>
        <a:xfrm>
          <a:off x="5481256" y="2413933"/>
          <a:ext cx="2402978" cy="28548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344" tIns="85344" rIns="113792" bIns="128016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No tickets needed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Test taken online at </a:t>
          </a:r>
          <a:r>
            <a:rPr lang="en-US" sz="1200" kern="1200">
              <a:hlinkClick xmlns:r="http://schemas.openxmlformats.org/officeDocument/2006/relationships" r:id="rId1"/>
            </a:rPr>
            <a:t>www.gaexperienceonline.com</a:t>
          </a:r>
          <a:endParaRPr lang="en-US" sz="1200" kern="120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Students, parents and teachers can all access this website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Sample of Section One ELA is presented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/>
            <a:t>Available year-round from anywhere on the web</a:t>
          </a:r>
        </a:p>
      </dsp:txBody>
      <dsp:txXfrm>
        <a:off x="5481256" y="2413933"/>
        <a:ext cx="2402978" cy="28548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StepDownProcess">
  <dgm:title val=""/>
  <dgm:desc val=""/>
  <dgm:catLst>
    <dgm:cat type="process" pri="16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60" srcId="0" destId="10" srcOrd="0" destOrd="0"/>
        <dgm:cxn modelId="12" srcId="10" destId="11" srcOrd="0" destOrd="0"/>
        <dgm:cxn modelId="70" srcId="0" destId="20" srcOrd="1" destOrd="0"/>
        <dgm:cxn modelId="22" srcId="20" destId="21" srcOrd="0" destOrd="0"/>
        <dgm:cxn modelId="8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t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t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hoose name="Name3">
      <dgm:if name="Name4" func="var" arg="dir" op="equ" val="norm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if>
      <dgm:else name="Name5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else>
    </dgm:choose>
    <dgm:forEach name="nodesForEach" axis="ch" ptType="node">
      <dgm:layoutNode name="composite">
        <dgm:alg type="composite">
          <dgm:param type="ar" val="1.2439"/>
        </dgm:alg>
        <dgm:shape xmlns:r="http://schemas.openxmlformats.org/officeDocument/2006/relationships" r:blip="">
          <dgm:adjLst/>
        </dgm:shape>
        <dgm:choose name="Name6">
          <dgm:if name="Name7" func="var" arg="dir" op="equ" val="norm">
            <dgm:constrLst>
              <dgm:constr type="l" for="ch" forName="bentUpArrow1" refType="w" fact="0.0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refFor="ch" refForName="ParentText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refFor="ch" refForName="ParentText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if>
          <dgm:else name="Name8">
            <dgm:constrLst>
              <dgm:constr type="r" for="ch" forName="bentUpArrow1" refType="w" fact="0.9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.4316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fact="0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fact="0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else>
        </dgm:choose>
        <dgm:choose name="Name9">
          <dgm:if name="Name10" axis="followSib" ptType="node" func="cnt" op="gte" val="1">
            <dgm:layoutNode name="bentUpArrow1" styleLbl="alignImgPlace1">
              <dgm:alg type="sp"/>
              <dgm:choose name="Name11">
                <dgm:if name="Name12" func="var" arg="dir" op="equ" val="norm">
                  <dgm:shape xmlns:r="http://schemas.openxmlformats.org/officeDocument/2006/relationships" rot="90" type="bentUpArrow" r:blip="">
                    <dgm:adjLst>
                      <dgm:adj idx="1" val="0.3284"/>
                      <dgm:adj idx="2" val="0.25"/>
                      <dgm:adj idx="3" val="0.3578"/>
                    </dgm:adjLst>
                  </dgm:shape>
                </dgm:if>
                <dgm:else name="Name13">
                  <dgm:shape xmlns:r="http://schemas.openxmlformats.org/officeDocument/2006/relationships" rot="180" type="bentArrow" r:blip="">
                    <dgm:adjLst>
                      <dgm:adj idx="1" val="0.3284"/>
                      <dgm:adj idx="2" val="0.25"/>
                      <dgm:adj idx="3" val="0.3578"/>
                      <dgm:adj idx="4" val="0"/>
                    </dgm:adjLst>
                  </dgm:shape>
                </dgm:else>
              </dgm:choose>
              <dgm:presOf/>
            </dgm:layoutNode>
          </dgm:if>
          <dgm:else name="Name14"/>
        </dgm:choose>
        <dgm:layoutNode name="ParentText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66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15">
          <dgm:if name="Name16" axis="followSib" ptType="node" func="cnt" op="equ" val="0">
            <dgm:choose name="Name17">
              <dgm:if name="Name18" axis="ch" ptType="node" func="cnt" op="gte" val="1">
                <dgm:layoutNode name="FinalChildText" styleLbl="revTx">
                  <dgm:varLst>
                    <dgm:chMax val="0"/>
                    <dgm:chPref val="0"/>
                    <dgm:bulletEnabled val="1"/>
                  </dgm:varLst>
                  <dgm:alg type="tx">
                    <dgm:param type="stBulletLvl" val="1"/>
                    <dgm:param type="txAnchorVertCh" val="mid"/>
                    <dgm:param type="parTxLTRAlign" val="l"/>
                  </dgm:alg>
                  <dgm:shape xmlns:r="http://schemas.openxmlformats.org/officeDocument/2006/relationships" type="rect" r:blip="">
                    <dgm:adjLst/>
                  </dgm:shape>
                  <dgm:presOf axis="des" ptType="node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9"/>
            </dgm:choose>
          </dgm:if>
          <dgm:else name="Name20">
            <dgm:layoutNode name="ChildText" styleLbl="revTx">
              <dgm:varLst>
                <dgm:chMax val="0"/>
                <dgm:chPref val="0"/>
                <dgm:bulletEnabled val="1"/>
              </dgm:varLst>
              <dgm:alg type="tx">
                <dgm:param type="stBulletLvl" val="1"/>
                <dgm:param type="txAnchorVertCh" val="mid"/>
                <dgm:param type="parTxLTRAlign" val="l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else>
        </dgm:choos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37840" cy="466435"/>
          </a:xfrm>
          <a:prstGeom prst="rect">
            <a:avLst/>
          </a:prstGeom>
        </p:spPr>
        <p:txBody>
          <a:bodyPr vert="horz" lIns="93166" tIns="46582" rIns="93166" bIns="4658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40" y="1"/>
            <a:ext cx="3037840" cy="466435"/>
          </a:xfrm>
          <a:prstGeom prst="rect">
            <a:avLst/>
          </a:prstGeom>
        </p:spPr>
        <p:txBody>
          <a:bodyPr vert="horz" lIns="93166" tIns="46582" rIns="93166" bIns="46582" rtlCol="0"/>
          <a:lstStyle>
            <a:lvl1pPr algn="r">
              <a:defRPr sz="1200"/>
            </a:lvl1pPr>
          </a:lstStyle>
          <a:p>
            <a:fld id="{144086D9-9344-40EE-B036-6F4A77DB3C76}" type="datetimeFigureOut">
              <a:rPr lang="en-US" smtClean="0"/>
              <a:t>9/4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969"/>
            <a:ext cx="3037840" cy="466434"/>
          </a:xfrm>
          <a:prstGeom prst="rect">
            <a:avLst/>
          </a:prstGeom>
        </p:spPr>
        <p:txBody>
          <a:bodyPr vert="horz" lIns="93166" tIns="46582" rIns="93166" bIns="4658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40" y="8829969"/>
            <a:ext cx="3037840" cy="466434"/>
          </a:xfrm>
          <a:prstGeom prst="rect">
            <a:avLst/>
          </a:prstGeom>
        </p:spPr>
        <p:txBody>
          <a:bodyPr vert="horz" lIns="93166" tIns="46582" rIns="93166" bIns="46582" rtlCol="0" anchor="b"/>
          <a:lstStyle>
            <a:lvl1pPr algn="r">
              <a:defRPr sz="1200"/>
            </a:lvl1pPr>
          </a:lstStyle>
          <a:p>
            <a:fld id="{568132E6-B52C-4BAD-9034-F0FE2266D6F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66" tIns="46582" rIns="93166" bIns="4658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40" y="0"/>
            <a:ext cx="3037840" cy="464820"/>
          </a:xfrm>
          <a:prstGeom prst="rect">
            <a:avLst/>
          </a:prstGeom>
        </p:spPr>
        <p:txBody>
          <a:bodyPr vert="horz" lIns="93166" tIns="46582" rIns="93166" bIns="46582" rtlCol="0"/>
          <a:lstStyle>
            <a:lvl1pPr algn="r">
              <a:defRPr sz="1200"/>
            </a:lvl1pPr>
          </a:lstStyle>
          <a:p>
            <a:fld id="{D8AB1433-BF8B-45C5-81D6-089F21EECCF9}" type="datetimeFigureOut">
              <a:rPr lang="en-US" smtClean="0"/>
              <a:t>9/4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66" tIns="46582" rIns="93166" bIns="46582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2"/>
            <a:ext cx="5608320" cy="4183380"/>
          </a:xfrm>
          <a:prstGeom prst="rect">
            <a:avLst/>
          </a:prstGeom>
        </p:spPr>
        <p:txBody>
          <a:bodyPr vert="horz" lIns="93166" tIns="46582" rIns="93166" bIns="46582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8"/>
            <a:ext cx="3037840" cy="464820"/>
          </a:xfrm>
          <a:prstGeom prst="rect">
            <a:avLst/>
          </a:prstGeom>
        </p:spPr>
        <p:txBody>
          <a:bodyPr vert="horz" lIns="93166" tIns="46582" rIns="93166" bIns="4658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40" y="8829968"/>
            <a:ext cx="3037840" cy="464820"/>
          </a:xfrm>
          <a:prstGeom prst="rect">
            <a:avLst/>
          </a:prstGeom>
        </p:spPr>
        <p:txBody>
          <a:bodyPr vert="horz" lIns="93166" tIns="46582" rIns="93166" bIns="46582" rtlCol="0" anchor="b"/>
          <a:lstStyle>
            <a:lvl1pPr algn="r">
              <a:defRPr sz="1200"/>
            </a:lvl1pPr>
          </a:lstStyle>
          <a:p>
            <a:fld id="{E6530340-F5C0-43BA-9CC1-D63E860F35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411724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309563"/>
            <a:ext cx="5624513" cy="421798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03A73EC-F890-474A-8E2B-4BAC3BAEA038}" type="slidenum">
              <a:rPr lang="en-US" smtClean="0"/>
              <a:pPr>
                <a:defRPr/>
              </a:pPr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485789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DBF1EB-C9F6-474C-938C-4B9AA8935FD0}" type="slidenum">
              <a:rPr lang="en-US" smtClean="0">
                <a:uFillTx/>
              </a:rPr>
              <a:t>38</a:t>
            </a:fld>
            <a:endParaRPr lang="en-US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142369260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ADBF1EB-C9F6-474C-938C-4B9AA8935FD0}" type="slidenum">
              <a:rPr lang="en-US" smtClean="0">
                <a:uFillTx/>
              </a:rPr>
              <a:t>39</a:t>
            </a:fld>
            <a:endParaRPr lang="en-US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30335892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71491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679953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42380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gadoe.org/" TargetMode="External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>
                <a:solidFill>
                  <a:srgbClr val="0000FF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CE8F17FA-D580-4339-8F17-198F79146A26}" type="datetime1">
              <a:rPr lang="en-US" smtClean="0"/>
              <a:t>9/4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3" name="Rectangle 12"/>
          <p:cNvSpPr/>
          <p:nvPr userDrawn="1"/>
        </p:nvSpPr>
        <p:spPr>
          <a:xfrm>
            <a:off x="0" y="2"/>
            <a:ext cx="9144000" cy="1025869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444"/>
            <a:ext cx="1978056" cy="1052325"/>
          </a:xfrm>
          <a:prstGeom prst="rect">
            <a:avLst/>
          </a:prstGeom>
        </p:spPr>
      </p:pic>
      <p:sp>
        <p:nvSpPr>
          <p:cNvPr id="15" name="Date Placeholder 3"/>
          <p:cNvSpPr txBox="1">
            <a:spLocks/>
          </p:cNvSpPr>
          <p:nvPr userDrawn="1"/>
        </p:nvSpPr>
        <p:spPr>
          <a:xfrm>
            <a:off x="3157026" y="213628"/>
            <a:ext cx="58786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400" b="1" dirty="0">
                <a:solidFill>
                  <a:schemeClr val="bg1"/>
                </a:solidFill>
              </a:rPr>
              <a:t>Richard</a:t>
            </a:r>
            <a:r>
              <a:rPr lang="en-US" sz="1400" b="1" baseline="0" dirty="0">
                <a:solidFill>
                  <a:schemeClr val="bg1"/>
                </a:solidFill>
              </a:rPr>
              <a:t> Woods, Georgia’s School Superintendent</a:t>
            </a:r>
          </a:p>
          <a:p>
            <a:pPr algn="r"/>
            <a:r>
              <a:rPr lang="en-US" sz="1200" b="1" i="1" u="none" baseline="0" dirty="0">
                <a:solidFill>
                  <a:schemeClr val="bg1"/>
                </a:solidFill>
              </a:rPr>
              <a:t>“Educating Georgia’s Future”</a:t>
            </a:r>
          </a:p>
          <a:p>
            <a:pPr algn="r"/>
            <a:r>
              <a:rPr lang="en-US" sz="1200" b="1" u="none" baseline="0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gadoe.org</a:t>
            </a:r>
            <a:endParaRPr lang="en-US" sz="1200" b="1" u="none" dirty="0">
              <a:solidFill>
                <a:schemeClr val="bg1"/>
              </a:solidFill>
            </a:endParaRPr>
          </a:p>
        </p:txBody>
      </p:sp>
      <p:sp>
        <p:nvSpPr>
          <p:cNvPr id="16" name="Rectangle 15"/>
          <p:cNvSpPr/>
          <p:nvPr userDrawn="1"/>
        </p:nvSpPr>
        <p:spPr>
          <a:xfrm flipV="1">
            <a:off x="1" y="1042279"/>
            <a:ext cx="9144000" cy="45719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38130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9BFF5BF2-8BE8-4E90-B868-EB1562877D1D}" type="datetime1">
              <a:rPr lang="en-US" smtClean="0"/>
              <a:t>9/4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5" name="Date Placeholder 3"/>
          <p:cNvSpPr txBox="1">
            <a:spLocks/>
          </p:cNvSpPr>
          <p:nvPr userDrawn="1"/>
        </p:nvSpPr>
        <p:spPr>
          <a:xfrm>
            <a:off x="7055141" y="1019662"/>
            <a:ext cx="2078037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63607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6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1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7ECE395F-C4C4-4D39-AFC1-79C803D4EB7A}" type="datetime1">
              <a:rPr lang="en-US" smtClean="0"/>
              <a:t>9/4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23512688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bl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457200" y="1600202"/>
            <a:ext cx="8229600" cy="4525963"/>
          </a:xfr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2D92A78-69D4-4D53-887C-28510C52EE7F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489200" y="6356352"/>
            <a:ext cx="4140200" cy="36512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CE42DA9-8A01-4275-8D88-B9A342A177F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596234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 userDrawn="1"/>
        </p:nvSpPr>
        <p:spPr>
          <a:xfrm>
            <a:off x="1993902" y="2565404"/>
            <a:ext cx="18473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sz="1200"/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826" y="6243484"/>
            <a:ext cx="860770" cy="535108"/>
          </a:xfrm>
          <a:prstGeom prst="rect">
            <a:avLst/>
          </a:prstGeom>
        </p:spPr>
      </p:pic>
      <p:sp>
        <p:nvSpPr>
          <p:cNvPr id="7" name="Title 1"/>
          <p:cNvSpPr>
            <a:spLocks noGrp="1" noChangeAspect="1"/>
          </p:cNvSpPr>
          <p:nvPr>
            <p:ph type="title"/>
          </p:nvPr>
        </p:nvSpPr>
        <p:spPr>
          <a:xfrm>
            <a:off x="1059544" y="484636"/>
            <a:ext cx="6429829" cy="600075"/>
          </a:xfrm>
          <a:prstGeom prst="rect">
            <a:avLst/>
          </a:prstGeom>
        </p:spPr>
        <p:txBody>
          <a:bodyPr anchor="ctr" anchorCtr="0"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lang="en-US" sz="2400" b="1" dirty="0">
                <a:solidFill>
                  <a:srgbClr val="022F65"/>
                </a:solidFill>
                <a:latin typeface="Garamond" pitchFamily="18" charset="0"/>
                <a:ea typeface="+mj-ea"/>
                <a:cs typeface="+mj-cs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3303514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000F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AC9E761F-D95F-40F7-815A-ED537F2F27F7}" type="datetime1">
              <a:rPr lang="en-US" smtClean="0"/>
              <a:t>9/4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7" name="Date Placeholder 3"/>
          <p:cNvSpPr txBox="1">
            <a:spLocks/>
          </p:cNvSpPr>
          <p:nvPr userDrawn="1"/>
        </p:nvSpPr>
        <p:spPr>
          <a:xfrm>
            <a:off x="7206143" y="1019662"/>
            <a:ext cx="1927035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20405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41"/>
            <a:ext cx="7886700" cy="1846261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3819928"/>
            <a:ext cx="7886700" cy="2269725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91858622-D51F-4EEC-AEF5-A9B534DC92DD}" type="datetime1">
              <a:rPr lang="en-US" smtClean="0"/>
              <a:t>9/4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534231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79B41E91-AECF-491E-929B-0EE7DCA58669}" type="datetime1">
              <a:rPr lang="en-US" smtClean="0"/>
              <a:t>9/4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8" name="Date Placeholder 3"/>
          <p:cNvSpPr txBox="1">
            <a:spLocks/>
          </p:cNvSpPr>
          <p:nvPr userDrawn="1"/>
        </p:nvSpPr>
        <p:spPr>
          <a:xfrm>
            <a:off x="7105475" y="1019662"/>
            <a:ext cx="2027703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68206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8"/>
            <a:ext cx="629077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1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1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2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C162633E-8DAA-45DD-B797-D747E0FDFFA9}" type="datetime1">
              <a:rPr lang="en-US" smtClean="0"/>
              <a:t>9/4/2018</a:t>
            </a:fld>
            <a:endParaRPr lang="en-US"/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5" name="Rectangle 14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20" name="Date Placeholder 3"/>
          <p:cNvSpPr txBox="1">
            <a:spLocks/>
          </p:cNvSpPr>
          <p:nvPr userDrawn="1"/>
        </p:nvSpPr>
        <p:spPr>
          <a:xfrm>
            <a:off x="7080308" y="1019662"/>
            <a:ext cx="2052870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14065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316D057A-453A-463A-8A70-24698F7D4BF4}" type="datetime1">
              <a:rPr lang="en-US" smtClean="0"/>
              <a:t>9/4/2018</a:t>
            </a:fld>
            <a:endParaRPr lang="en-US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Rectangle 10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6" name="Date Placeholder 3"/>
          <p:cNvSpPr txBox="1">
            <a:spLocks/>
          </p:cNvSpPr>
          <p:nvPr userDrawn="1"/>
        </p:nvSpPr>
        <p:spPr>
          <a:xfrm>
            <a:off x="7063531" y="1019662"/>
            <a:ext cx="2069648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9185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F7AB0F80-49E5-46D3-86D6-3D1CC0DED26F}" type="datetime1">
              <a:rPr lang="en-US" smtClean="0"/>
              <a:t>9/4/2018</a:t>
            </a:fld>
            <a:endParaRPr lang="en-US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1" name="Rectangle 10"/>
          <p:cNvSpPr/>
          <p:nvPr userDrawn="1"/>
        </p:nvSpPr>
        <p:spPr>
          <a:xfrm>
            <a:off x="0" y="2"/>
            <a:ext cx="9144000" cy="1025869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444"/>
            <a:ext cx="1978056" cy="1052325"/>
          </a:xfrm>
          <a:prstGeom prst="rect">
            <a:avLst/>
          </a:prstGeom>
        </p:spPr>
      </p:pic>
      <p:sp>
        <p:nvSpPr>
          <p:cNvPr id="13" name="Date Placeholder 3"/>
          <p:cNvSpPr txBox="1">
            <a:spLocks/>
          </p:cNvSpPr>
          <p:nvPr userDrawn="1"/>
        </p:nvSpPr>
        <p:spPr>
          <a:xfrm>
            <a:off x="3157026" y="213628"/>
            <a:ext cx="58786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400" b="1">
                <a:solidFill>
                  <a:schemeClr val="bg1"/>
                </a:solidFill>
              </a:rPr>
              <a:t>Richard</a:t>
            </a:r>
            <a:r>
              <a:rPr lang="en-US" sz="1400" b="1" baseline="0">
                <a:solidFill>
                  <a:schemeClr val="bg1"/>
                </a:solidFill>
              </a:rPr>
              <a:t> Woods, Georgia’s School Superintendent</a:t>
            </a:r>
          </a:p>
          <a:p>
            <a:pPr algn="r"/>
            <a:r>
              <a:rPr lang="en-US" sz="1200" b="1" i="1" u="none" baseline="0">
                <a:solidFill>
                  <a:schemeClr val="bg1"/>
                </a:solidFill>
              </a:rPr>
              <a:t>“Educating Georgia’s Future”</a:t>
            </a:r>
          </a:p>
          <a:p>
            <a:pPr algn="r"/>
            <a:r>
              <a:rPr lang="en-US" sz="1200" b="1" baseline="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gadoe.org</a:t>
            </a:r>
            <a:endParaRPr lang="en-US" sz="1200" b="1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 flipV="1">
            <a:off x="1" y="1042279"/>
            <a:ext cx="9144000" cy="45719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10688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664163"/>
            <a:ext cx="4629150" cy="4196888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2A39A5E7-60FE-4874-A4E1-DC316BFF1E16}" type="datetime1">
              <a:rPr lang="en-US" smtClean="0"/>
              <a:t>9/4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8" name="Date Placeholder 3"/>
          <p:cNvSpPr txBox="1">
            <a:spLocks/>
          </p:cNvSpPr>
          <p:nvPr userDrawn="1"/>
        </p:nvSpPr>
        <p:spPr>
          <a:xfrm>
            <a:off x="7063531" y="1019662"/>
            <a:ext cx="2069648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67145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801091"/>
            <a:ext cx="4629150" cy="4059960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D8DF7671-FE56-4B07-A74E-7412CD799820}" type="datetime1">
              <a:rPr lang="en-US" smtClean="0"/>
              <a:t>9/4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8" name="Date Placeholder 3"/>
          <p:cNvSpPr txBox="1">
            <a:spLocks/>
          </p:cNvSpPr>
          <p:nvPr userDrawn="1"/>
        </p:nvSpPr>
        <p:spPr>
          <a:xfrm>
            <a:off x="7080308" y="1019662"/>
            <a:ext cx="2052870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7385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hyperlink" Target="https://www.gadoe.org/" TargetMode="Externa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0" y="-30593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26400"/>
              </a:solidFill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19106" y="1434648"/>
            <a:ext cx="8856454" cy="4537566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3984" y="334018"/>
            <a:ext cx="631663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0914824A-F37E-4EDB-9F7F-FBAF5B800CA0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Rectangle 8"/>
          <p:cNvSpPr/>
          <p:nvPr/>
        </p:nvSpPr>
        <p:spPr>
          <a:xfrm flipV="1">
            <a:off x="-16415" y="6236142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3"/>
            <a:ext cx="2212566" cy="946227"/>
          </a:xfrm>
          <a:prstGeom prst="rect">
            <a:avLst/>
          </a:prstGeom>
        </p:spPr>
      </p:pic>
      <p:sp>
        <p:nvSpPr>
          <p:cNvPr id="13" name="Date Placeholder 3"/>
          <p:cNvSpPr txBox="1">
            <a:spLocks/>
          </p:cNvSpPr>
          <p:nvPr/>
        </p:nvSpPr>
        <p:spPr>
          <a:xfrm>
            <a:off x="7172588" y="1019662"/>
            <a:ext cx="19605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17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9981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  <p:sldLayoutId id="2147483685" r:id="rId12"/>
    <p:sldLayoutId id="2147483686" r:id="rId13"/>
  </p:sldLayoutIdLs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rgbClr val="0000FF"/>
          </a:solidFill>
          <a:latin typeface="Arial Rounded MT Bold" panose="020F070403050403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attendee.gotowebinar.com/register/7298426635206218754" TargetMode="External"/><Relationship Id="rId2" Type="http://schemas.openxmlformats.org/officeDocument/2006/relationships/hyperlink" Target="https://attendee.gotowebinar.com/register/7487594312230147330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.png"/><Relationship Id="rId4" Type="http://schemas.openxmlformats.org/officeDocument/2006/relationships/hyperlink" Target="http://testing.gadoe.org/" TargetMode="Externa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7" Type="http://schemas.openxmlformats.org/officeDocument/2006/relationships/image" Target="../media/image20.gif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G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tmp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png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tmp"/><Relationship Id="rId2" Type="http://schemas.openxmlformats.org/officeDocument/2006/relationships/image" Target="../media/image31.tmp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hyperlink" Target="https://www.gadoe.org/Curriculum-Instruction-and-Assessment/Assessment/Pages/Information-For-Educators.aspx" TargetMode="External"/><Relationship Id="rId1" Type="http://schemas.openxmlformats.org/officeDocument/2006/relationships/slideLayout" Target="../slideLayouts/slideLayout6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hyperlink" Target="https://wbte.drcedirect.com/WIDA/portals/wida" TargetMode="External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hyperlink" Target="http://www.gaexperienceonline.com/" TargetMode="External"/><Relationship Id="rId1" Type="http://schemas.openxmlformats.org/officeDocument/2006/relationships/slideLayout" Target="../slideLayouts/slideLayout2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4.png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.xml"/></Relationships>
</file>

<file path=ppt/slides/_rels/slide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2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2.xml"/></Relationships>
</file>

<file path=ppt/slides/_rels/slide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2.xml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8.png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72.xml.rels><?xml version="1.0" encoding="UTF-8" standalone="yes"?>
<Relationships xmlns="http://schemas.openxmlformats.org/package/2006/relationships"><Relationship Id="rId8" Type="http://schemas.openxmlformats.org/officeDocument/2006/relationships/hyperlink" Target="mailto:mnesbit@doe.k12.ga.us" TargetMode="External"/><Relationship Id="rId3" Type="http://schemas.openxmlformats.org/officeDocument/2006/relationships/hyperlink" Target="mailto:taadams@doe.k12.ga.us%0d" TargetMode="External"/><Relationship Id="rId7" Type="http://schemas.openxmlformats.org/officeDocument/2006/relationships/hyperlink" Target="mailto:rmcleod@doe.k12.ga.us" TargetMode="External"/><Relationship Id="rId2" Type="http://schemas.openxmlformats.org/officeDocument/2006/relationships/hyperlink" Target="mailto:sgreene@doe.k12.ga.us" TargetMode="External"/><Relationship Id="rId1" Type="http://schemas.openxmlformats.org/officeDocument/2006/relationships/slideLayout" Target="../slideLayouts/slideLayout4.xml"/><Relationship Id="rId6" Type="http://schemas.openxmlformats.org/officeDocument/2006/relationships/hyperlink" Target="mailto:kharris-wright@doe.k12.ga.us" TargetMode="External"/><Relationship Id="rId5" Type="http://schemas.openxmlformats.org/officeDocument/2006/relationships/hyperlink" Target="mailto:jblessing@doe.k12.ga.us" TargetMode="External"/><Relationship Id="rId10" Type="http://schemas.openxmlformats.org/officeDocument/2006/relationships/hyperlink" Target="http://testing.gadoe.org/" TargetMode="External"/><Relationship Id="rId4" Type="http://schemas.openxmlformats.org/officeDocument/2006/relationships/hyperlink" Target="mailto:bbable@doe.k12.ga.us" TargetMode="External"/><Relationship Id="rId9" Type="http://schemas.openxmlformats.org/officeDocument/2006/relationships/hyperlink" Target="mailto:mshealy@doe.k12.ga.us" TargetMode="Externa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3spoken.co.uk/2010/11/unanswered-questions-of-modern-monetary.html" TargetMode="External"/><Relationship Id="rId2" Type="http://schemas.openxmlformats.org/officeDocument/2006/relationships/image" Target="../media/image59.jpg&amp;ehk=tuqxgh4wDnCwxFLjoz0NDQ&amp;r=0&amp;pid=OfficeInsert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CBEB3-817A-4C79-A94B-0CBF6BA2BB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12064" y="2313432"/>
            <a:ext cx="8119872" cy="2441448"/>
          </a:xfrm>
        </p:spPr>
        <p:txBody>
          <a:bodyPr>
            <a:noAutofit/>
          </a:bodyPr>
          <a:lstStyle/>
          <a:p>
            <a:r>
              <a:rPr lang="en-US" altLang="en-US" sz="3600" dirty="0"/>
              <a:t>Fall 2018 Assessment Conference</a:t>
            </a:r>
            <a:br>
              <a:rPr lang="en-US" altLang="en-US" sz="4400" dirty="0"/>
            </a:br>
            <a:r>
              <a:rPr lang="en-US" altLang="en-US" sz="3600" dirty="0"/>
              <a:t>Part 2</a:t>
            </a:r>
            <a:br>
              <a:rPr lang="en-US" altLang="en-US" sz="3600" dirty="0"/>
            </a:br>
            <a:br>
              <a:rPr lang="en-US" altLang="en-US" sz="3600" dirty="0"/>
            </a:br>
            <a:r>
              <a:rPr lang="en-US" altLang="en-US" sz="3200" dirty="0"/>
              <a:t>September 4 &amp; 6, 2018</a:t>
            </a:r>
            <a:endParaRPr lang="en-US" sz="25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798D980-08F8-4EAB-89BD-0906BAF518C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A29E3F6-4628-4027-9F00-209DD66A8F2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792F06A-6481-4A2B-A8FE-29B9E4603173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613816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9A8E73-D40B-4297-A869-3330720033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8089" y="-412751"/>
            <a:ext cx="6316630" cy="1325563"/>
          </a:xfrm>
        </p:spPr>
        <p:txBody>
          <a:bodyPr>
            <a:normAutofit/>
          </a:bodyPr>
          <a:lstStyle/>
          <a:p>
            <a:r>
              <a:rPr lang="en-US" sz="3600"/>
              <a:t>Sample District Schedu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5FD6F0-9A31-41A7-B4A5-9C90E4DEDE8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4DC4A37-72E7-4406-AF27-644DEB7BF55C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A3A59F2-E74D-473B-B257-40FB09D2D55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0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51606C8-8E0D-4CA2-AB59-059410A43DF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743"/>
          <a:stretch/>
        </p:blipFill>
        <p:spPr>
          <a:xfrm>
            <a:off x="1316751" y="661988"/>
            <a:ext cx="6249798" cy="5945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397096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Rectangle 98">
            <a:extLst>
              <a:ext uri="{FF2B5EF4-FFF2-40B4-BE49-F238E27FC236}">
                <a16:creationId xmlns:a16="http://schemas.microsoft.com/office/drawing/2014/main" id="{23FACF63-FC0B-403A-8F98-A2136EBDE383}"/>
              </a:ext>
            </a:extLst>
          </p:cNvPr>
          <p:cNvSpPr/>
          <p:nvPr/>
        </p:nvSpPr>
        <p:spPr>
          <a:xfrm>
            <a:off x="2720841" y="1218037"/>
            <a:ext cx="1545455" cy="2228818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58f29487c0343c08abcf41913e40cae_Title">
            <a:extLst>
              <a:ext uri="{FF2B5EF4-FFF2-40B4-BE49-F238E27FC236}">
                <a16:creationId xmlns:a16="http://schemas.microsoft.com/office/drawing/2014/main" id="{88F766E6-9DD3-47B1-B64E-B8D25BB4159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720841" y="1383618"/>
            <a:ext cx="15454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bg1"/>
                </a:solidFill>
                <a:latin typeface="Calibri" panose="020F0502020204030204" pitchFamily="34" charset="0"/>
              </a:rPr>
              <a:t>Spring 2019 GAA 2.0</a:t>
            </a:r>
          </a:p>
        </p:txBody>
      </p:sp>
      <p:sp>
        <p:nvSpPr>
          <p:cNvPr id="9237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>
            <a:off x="917208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971635" y="3422652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6"/>
            </p:custDataLst>
          </p:nvPr>
        </p:nvSpPr>
        <p:spPr>
          <a:xfrm>
            <a:off x="5937904" y="2501146"/>
            <a:ext cx="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7"/>
            </p:custDataLst>
          </p:nvPr>
        </p:nvSpPr>
        <p:spPr>
          <a:xfrm>
            <a:off x="7055965" y="2792221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8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9"/>
            </p:custDataLst>
          </p:nvPr>
        </p:nvSpPr>
        <p:spPr>
          <a:xfrm>
            <a:off x="0" y="3498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2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3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4"/>
            </p:custDataLst>
          </p:nvPr>
        </p:nvSpPr>
        <p:spPr>
          <a:xfrm>
            <a:off x="0" y="37655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7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8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9"/>
            </p:custDataLst>
          </p:nvPr>
        </p:nvSpPr>
        <p:spPr>
          <a:xfrm>
            <a:off x="0" y="40322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2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3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4"/>
            </p:custDataLst>
          </p:nvPr>
        </p:nvSpPr>
        <p:spPr>
          <a:xfrm>
            <a:off x="0" y="42989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8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9"/>
            </p:custDataLst>
          </p:nvPr>
        </p:nvSpPr>
        <p:spPr>
          <a:xfrm>
            <a:off x="0" y="45656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2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7"/>
            <a:ext cx="7886700" cy="713698"/>
          </a:xfrm>
        </p:spPr>
        <p:txBody>
          <a:bodyPr>
            <a:normAutofit fontScale="90000"/>
          </a:bodyPr>
          <a:lstStyle/>
          <a:p>
            <a:r>
              <a:rPr lang="en-US"/>
              <a:t>Spring/Summer Testing Overlap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6477C44-E541-4800-9977-F3D92E0E013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1152A36-20F6-4AA0-A0CA-145E0B11AFFA}" type="datetime1">
              <a:rPr lang="en-US" smtClean="0"/>
              <a:t>9/4/2018</a:t>
            </a:fld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C20297-7DE4-4DD5-8A4C-34518CCC1C0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1</a:t>
            </a:fld>
            <a:endParaRPr lang="en-US"/>
          </a:p>
        </p:txBody>
      </p:sp>
      <p:grpSp>
        <p:nvGrpSpPr>
          <p:cNvPr id="58" name="Group 57">
            <a:extLst>
              <a:ext uri="{FF2B5EF4-FFF2-40B4-BE49-F238E27FC236}">
                <a16:creationId xmlns:a16="http://schemas.microsoft.com/office/drawing/2014/main" id="{14215F1A-FC7E-4A0F-86FB-CDC406CE5BDF}"/>
              </a:ext>
            </a:extLst>
          </p:cNvPr>
          <p:cNvGrpSpPr/>
          <p:nvPr/>
        </p:nvGrpSpPr>
        <p:grpSpPr>
          <a:xfrm>
            <a:off x="533585" y="1587654"/>
            <a:ext cx="7874841" cy="4419955"/>
            <a:chOff x="1238627" y="1827619"/>
            <a:chExt cx="6551283" cy="2648295"/>
          </a:xfrm>
        </p:grpSpPr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3E1471F-BC2E-4E48-A658-FAF00E86244A}"/>
                </a:ext>
              </a:extLst>
            </p:cNvPr>
            <p:cNvSpPr/>
            <p:nvPr/>
          </p:nvSpPr>
          <p:spPr>
            <a:xfrm>
              <a:off x="3564917" y="1827619"/>
              <a:ext cx="1082312" cy="1150531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" name="OTLSHAPE_T_7c518fb37f2142bb8e0445920d0403b5_Shape">
              <a:extLst>
                <a:ext uri="{FF2B5EF4-FFF2-40B4-BE49-F238E27FC236}">
                  <a16:creationId xmlns:a16="http://schemas.microsoft.com/office/drawing/2014/main" id="{F739B79A-D820-4F97-A35C-24BA527C1A4E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3564917" y="3586514"/>
              <a:ext cx="1082312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1" name="OTLSHAPE_T_7c518fb37f2142bb8e0445920d0403b5_Title">
              <a:extLst>
                <a:ext uri="{FF2B5EF4-FFF2-40B4-BE49-F238E27FC236}">
                  <a16:creationId xmlns:a16="http://schemas.microsoft.com/office/drawing/2014/main" id="{9C78D0EE-99F6-4BF7-83EE-C380631F729B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440312" y="3642010"/>
              <a:ext cx="1082315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>
                  <a:solidFill>
                    <a:srgbClr val="0070C0"/>
                  </a:solidFill>
                  <a:latin typeface="Calibri" panose="020F0502020204030204" pitchFamily="34" charset="0"/>
                </a:rPr>
                <a:t>Spring 2019 EOG</a:t>
              </a:r>
            </a:p>
          </p:txBody>
        </p:sp>
        <p:sp>
          <p:nvSpPr>
            <p:cNvPr id="62" name="OTLSHAPE_T_7c518fb37f2142bb8e0445920d0403b5_JoinedDate">
              <a:extLst>
                <a:ext uri="{FF2B5EF4-FFF2-40B4-BE49-F238E27FC236}">
                  <a16:creationId xmlns:a16="http://schemas.microsoft.com/office/drawing/2014/main" id="{FDD8D60F-B27F-47E0-ADA8-84C009670921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4712011" y="3642010"/>
              <a:ext cx="2497338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>
                  <a:solidFill>
                    <a:srgbClr val="7F7F7F"/>
                  </a:solidFill>
                  <a:latin typeface="Calibri" panose="020F0502020204030204" pitchFamily="34" charset="0"/>
                </a:rPr>
                <a:t>April 8 – May 17, 2019</a:t>
              </a:r>
            </a:p>
          </p:txBody>
        </p:sp>
        <p:sp>
          <p:nvSpPr>
            <p:cNvPr id="63" name="OTLSHAPE_T_be3ae38f60b3402d8a13f1e91eec41f5_Shape">
              <a:extLst>
                <a:ext uri="{FF2B5EF4-FFF2-40B4-BE49-F238E27FC236}">
                  <a16:creationId xmlns:a16="http://schemas.microsoft.com/office/drawing/2014/main" id="{58B2F984-2330-445F-BA10-BA2D9CF2CA08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3832292" y="3820340"/>
              <a:ext cx="1124388" cy="193316"/>
            </a:xfrm>
            <a:prstGeom prst="roundRect">
              <a:avLst>
                <a:gd name="adj" fmla="val 100000"/>
              </a:avLst>
            </a:prstGeom>
            <a:solidFill>
              <a:srgbClr val="D2472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OTLSHAPE_T_be3ae38f60b3402d8a13f1e91eec41f5_Title">
              <a:extLst>
                <a:ext uri="{FF2B5EF4-FFF2-40B4-BE49-F238E27FC236}">
                  <a16:creationId xmlns:a16="http://schemas.microsoft.com/office/drawing/2014/main" id="{9069AED4-B8ED-4FB6-944D-F7F5D3F1B229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2544820" y="3875837"/>
              <a:ext cx="1245181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>
                  <a:solidFill>
                    <a:srgbClr val="D24726"/>
                  </a:solidFill>
                  <a:latin typeface="Calibri" panose="020F0502020204030204" pitchFamily="34" charset="0"/>
                </a:rPr>
                <a:t>Spring 2019 EOC</a:t>
              </a:r>
            </a:p>
          </p:txBody>
        </p:sp>
        <p:sp>
          <p:nvSpPr>
            <p:cNvPr id="65" name="OTLSHAPE_T_be3ae38f60b3402d8a13f1e91eec41f5_JoinedDate">
              <a:extLst>
                <a:ext uri="{FF2B5EF4-FFF2-40B4-BE49-F238E27FC236}">
                  <a16:creationId xmlns:a16="http://schemas.microsoft.com/office/drawing/2014/main" id="{64F8793B-43B3-4784-8324-028D725724BD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5160268" y="3875837"/>
              <a:ext cx="2033016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>
                  <a:solidFill>
                    <a:srgbClr val="7F7F7F"/>
                  </a:solidFill>
                  <a:latin typeface="Calibri" panose="020F0502020204030204" pitchFamily="34" charset="0"/>
                </a:rPr>
                <a:t>April 22 – May 31, 2019</a:t>
              </a:r>
            </a:p>
          </p:txBody>
        </p:sp>
        <p:sp>
          <p:nvSpPr>
            <p:cNvPr id="66" name="OTLSHAPE_M_a58f29487c0343c08abcf41913e40cae_Title">
              <a:extLst>
                <a:ext uri="{FF2B5EF4-FFF2-40B4-BE49-F238E27FC236}">
                  <a16:creationId xmlns:a16="http://schemas.microsoft.com/office/drawing/2014/main" id="{EDB5F7C2-AA70-42F3-BC16-B72A0DCEC000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3564917" y="1926830"/>
              <a:ext cx="1082312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>
                  <a:solidFill>
                    <a:schemeClr val="bg1"/>
                  </a:solidFill>
                  <a:latin typeface="Calibri" panose="020F0502020204030204" pitchFamily="34" charset="0"/>
                </a:rPr>
                <a:t>Spring 2019 EOG</a:t>
              </a:r>
            </a:p>
          </p:txBody>
        </p:sp>
        <p:sp>
          <p:nvSpPr>
            <p:cNvPr id="67" name="OTLSHAPE_T_7c518fb37f2142bb8e0445920d0403b5_Shape">
              <a:extLst>
                <a:ext uri="{FF2B5EF4-FFF2-40B4-BE49-F238E27FC236}">
                  <a16:creationId xmlns:a16="http://schemas.microsoft.com/office/drawing/2014/main" id="{AD31B704-4A62-4E3B-AFFA-E14E465E8241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4513977" y="4043293"/>
              <a:ext cx="1851956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" name="OTLSHAPE_T_7c518fb37f2142bb8e0445920d0403b5_Title">
              <a:extLst>
                <a:ext uri="{FF2B5EF4-FFF2-40B4-BE49-F238E27FC236}">
                  <a16:creationId xmlns:a16="http://schemas.microsoft.com/office/drawing/2014/main" id="{CC410C4B-A011-4A3C-819D-829447BD3F14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3034911" y="4098790"/>
              <a:ext cx="1414286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>
                  <a:solidFill>
                    <a:srgbClr val="0070C0"/>
                  </a:solidFill>
                  <a:latin typeface="Calibri" panose="020F0502020204030204" pitchFamily="34" charset="0"/>
                </a:rPr>
                <a:t>Summer Retest 2019 EOG</a:t>
              </a:r>
            </a:p>
          </p:txBody>
        </p:sp>
        <p:sp>
          <p:nvSpPr>
            <p:cNvPr id="69" name="OTLSHAPE_T_7c518fb37f2142bb8e0445920d0403b5_JoinedDate">
              <a:extLst>
                <a:ext uri="{FF2B5EF4-FFF2-40B4-BE49-F238E27FC236}">
                  <a16:creationId xmlns:a16="http://schemas.microsoft.com/office/drawing/2014/main" id="{9690D239-2241-4946-BA36-5D4FFB52D819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412740" y="4098790"/>
              <a:ext cx="1000127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>
                  <a:solidFill>
                    <a:srgbClr val="7F7F7F"/>
                  </a:solidFill>
                  <a:latin typeface="Calibri" panose="020F0502020204030204" pitchFamily="34" charset="0"/>
                </a:rPr>
                <a:t>May 13 – July 19, 2019</a:t>
              </a:r>
            </a:p>
          </p:txBody>
        </p:sp>
        <p:sp>
          <p:nvSpPr>
            <p:cNvPr id="70" name="OTLSHAPE_T_be3ae38f60b3402d8a13f1e91eec41f5_Shape">
              <a:extLst>
                <a:ext uri="{FF2B5EF4-FFF2-40B4-BE49-F238E27FC236}">
                  <a16:creationId xmlns:a16="http://schemas.microsoft.com/office/drawing/2014/main" id="{DF24D532-7181-4366-8928-3BC1ABEC0A76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5365959" y="4282598"/>
              <a:ext cx="1001901" cy="193316"/>
            </a:xfrm>
            <a:prstGeom prst="roundRect">
              <a:avLst>
                <a:gd name="adj" fmla="val 100000"/>
              </a:avLst>
            </a:prstGeom>
            <a:solidFill>
              <a:srgbClr val="D2472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1" name="OTLSHAPE_T_be3ae38f60b3402d8a13f1e91eec41f5_Title">
              <a:extLst>
                <a:ext uri="{FF2B5EF4-FFF2-40B4-BE49-F238E27FC236}">
                  <a16:creationId xmlns:a16="http://schemas.microsoft.com/office/drawing/2014/main" id="{F8805EA9-F688-4A15-A4B2-38E30C5AF663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3612721" y="4338095"/>
              <a:ext cx="1670443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>
                  <a:solidFill>
                    <a:srgbClr val="D24726"/>
                  </a:solidFill>
                  <a:latin typeface="Calibri" panose="020F0502020204030204" pitchFamily="34" charset="0"/>
                </a:rPr>
                <a:t>Summer 2019 EOC</a:t>
              </a:r>
            </a:p>
          </p:txBody>
        </p:sp>
        <p:sp>
          <p:nvSpPr>
            <p:cNvPr id="72" name="OTLSHAPE_T_be3ae38f60b3402d8a13f1e91eec41f5_JoinedDate">
              <a:extLst>
                <a:ext uri="{FF2B5EF4-FFF2-40B4-BE49-F238E27FC236}">
                  <a16:creationId xmlns:a16="http://schemas.microsoft.com/office/drawing/2014/main" id="{62258D42-4837-4E1D-9486-EB0CD07D3065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412740" y="4338095"/>
              <a:ext cx="1000127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>
                  <a:solidFill>
                    <a:srgbClr val="7F7F7F"/>
                  </a:solidFill>
                  <a:latin typeface="Calibri" panose="020F0502020204030204" pitchFamily="34" charset="0"/>
                </a:rPr>
                <a:t>June 17 – July 19, 2019</a:t>
              </a: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8F6449C3-1F03-4C31-84DE-D491F90E8144}"/>
                </a:ext>
              </a:extLst>
            </p:cNvPr>
            <p:cNvSpPr/>
            <p:nvPr/>
          </p:nvSpPr>
          <p:spPr>
            <a:xfrm>
              <a:off x="4513976" y="2062407"/>
              <a:ext cx="1851957" cy="886215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4" name="OTLSHAPE_M_a58f29487c0343c08abcf41913e40cae_Title">
              <a:extLst>
                <a:ext uri="{FF2B5EF4-FFF2-40B4-BE49-F238E27FC236}">
                  <a16:creationId xmlns:a16="http://schemas.microsoft.com/office/drawing/2014/main" id="{3CB7F0AC-11F2-4DA1-BCAD-6201B92170AF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4956679" y="2184954"/>
              <a:ext cx="1409254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>
                  <a:solidFill>
                    <a:schemeClr val="bg1"/>
                  </a:solidFill>
                  <a:latin typeface="Calibri" panose="020F0502020204030204" pitchFamily="34" charset="0"/>
                </a:rPr>
                <a:t>Summer Retest 2019 EOG</a:t>
              </a: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0EB60102-203D-4322-9521-A30791290312}"/>
                </a:ext>
              </a:extLst>
            </p:cNvPr>
            <p:cNvSpPr/>
            <p:nvPr/>
          </p:nvSpPr>
          <p:spPr>
            <a:xfrm>
              <a:off x="3832283" y="2135142"/>
              <a:ext cx="1124396" cy="830477"/>
            </a:xfrm>
            <a:prstGeom prst="rect">
              <a:avLst/>
            </a:prstGeom>
            <a:solidFill>
              <a:srgbClr val="D24726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6" name="OTLSHAPE_M_52743de8bb6d4044896f473898fe9da7_Title">
              <a:extLst>
                <a:ext uri="{FF2B5EF4-FFF2-40B4-BE49-F238E27FC236}">
                  <a16:creationId xmlns:a16="http://schemas.microsoft.com/office/drawing/2014/main" id="{6D59D7EE-DF77-4EBB-B57E-6212ED9056E6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832283" y="2212188"/>
              <a:ext cx="1117567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>
                  <a:solidFill>
                    <a:schemeClr val="bg1"/>
                  </a:solidFill>
                  <a:latin typeface="Calibri" panose="020F0502020204030204" pitchFamily="34" charset="0"/>
                </a:rPr>
                <a:t>Spring 2019 EOC</a:t>
              </a: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C4F6B79F-9F50-47A2-BB20-E89C9917A10B}"/>
                </a:ext>
              </a:extLst>
            </p:cNvPr>
            <p:cNvSpPr/>
            <p:nvPr/>
          </p:nvSpPr>
          <p:spPr>
            <a:xfrm>
              <a:off x="5365960" y="2399705"/>
              <a:ext cx="999974" cy="620721"/>
            </a:xfrm>
            <a:prstGeom prst="rect">
              <a:avLst/>
            </a:prstGeom>
            <a:solidFill>
              <a:srgbClr val="D24726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8" name="OTLSHAPE_M_52743de8bb6d4044896f473898fe9da7_Title">
              <a:extLst>
                <a:ext uri="{FF2B5EF4-FFF2-40B4-BE49-F238E27FC236}">
                  <a16:creationId xmlns:a16="http://schemas.microsoft.com/office/drawing/2014/main" id="{B51E0BC7-F47E-435A-93E6-4D12625B11A8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5365959" y="2491140"/>
              <a:ext cx="999974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>
                  <a:solidFill>
                    <a:schemeClr val="bg1"/>
                  </a:solidFill>
                  <a:latin typeface="Calibri" panose="020F0502020204030204" pitchFamily="34" charset="0"/>
                </a:rPr>
                <a:t>Summer 2019 EOC</a:t>
              </a:r>
            </a:p>
          </p:txBody>
        </p:sp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480DF164-B998-46F3-968F-1F653FC6B1B0}"/>
                </a:ext>
              </a:extLst>
            </p:cNvPr>
            <p:cNvGrpSpPr/>
            <p:nvPr/>
          </p:nvGrpSpPr>
          <p:grpSpPr>
            <a:xfrm>
              <a:off x="1238627" y="2914650"/>
              <a:ext cx="6551283" cy="381000"/>
              <a:chOff x="1238627" y="2914650"/>
              <a:chExt cx="6551283" cy="381000"/>
            </a:xfrm>
          </p:grpSpPr>
          <p:sp>
            <p:nvSpPr>
              <p:cNvPr id="80" name="OTLSHAPE_TB_00000000000000000000000000000000_LeftEndCaps">
                <a:extLst>
                  <a:ext uri="{FF2B5EF4-FFF2-40B4-BE49-F238E27FC236}">
                    <a16:creationId xmlns:a16="http://schemas.microsoft.com/office/drawing/2014/main" id="{278306B4-F313-4BE7-85BD-A133F065EC3B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1238627" y="3022165"/>
                <a:ext cx="366307" cy="165969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pc="-36">
                    <a:solidFill>
                      <a:srgbClr val="C0504D"/>
                    </a:solidFill>
                    <a:latin typeface="Corbel" panose="020B0503020204020204" pitchFamily="34" charset="0"/>
                  </a:rPr>
                  <a:t>2019</a:t>
                </a:r>
              </a:p>
            </p:txBody>
          </p:sp>
          <p:sp>
            <p:nvSpPr>
              <p:cNvPr id="81" name="OTLSHAPE_TB_00000000000000000000000000000000_RightEndCaps">
                <a:extLst>
                  <a:ext uri="{FF2B5EF4-FFF2-40B4-BE49-F238E27FC236}">
                    <a16:creationId xmlns:a16="http://schemas.microsoft.com/office/drawing/2014/main" id="{4948CAFC-6396-476E-BA59-1947F70CC619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423603" y="3022165"/>
                <a:ext cx="366307" cy="165969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pc="-36">
                    <a:solidFill>
                      <a:srgbClr val="C0504D"/>
                    </a:solidFill>
                    <a:latin typeface="Corbel" panose="020B0503020204020204" pitchFamily="34" charset="0"/>
                  </a:rPr>
                  <a:t>2019</a:t>
                </a:r>
              </a:p>
            </p:txBody>
          </p:sp>
          <p:sp>
            <p:nvSpPr>
              <p:cNvPr id="82" name="OTLSHAPE_TB_00000000000000000000000000000000_ScaleContainer">
                <a:extLst>
                  <a:ext uri="{FF2B5EF4-FFF2-40B4-BE49-F238E27FC236}">
                    <a16:creationId xmlns:a16="http://schemas.microsoft.com/office/drawing/2014/main" id="{3D1E48EC-F5F8-437C-A62A-8048F7006A1F}"/>
                  </a:ext>
                </a:extLst>
              </p:cNvPr>
              <p:cNvSpPr/>
              <p:nvPr>
                <p:custDataLst>
                  <p:tags r:id="rId54"/>
                </p:custDataLst>
              </p:nvPr>
            </p:nvSpPr>
            <p:spPr>
              <a:xfrm>
                <a:off x="1708727" y="2914650"/>
                <a:ext cx="5594095" cy="381000"/>
              </a:xfrm>
              <a:prstGeom prst="roundRect">
                <a:avLst>
                  <a:gd name="adj" fmla="val 100000"/>
                </a:avLst>
              </a:prstGeom>
              <a:gradFill flip="none" rotWithShape="1">
                <a:gsLst>
                  <a:gs pos="0">
                    <a:srgbClr val="44546A"/>
                  </a:gs>
                  <a:gs pos="0">
                    <a:schemeClr val="dk2"/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83" name="OTLSHAPE_TB_00000000000000000000000000000000_TimescaleInterval2">
                <a:extLst>
                  <a:ext uri="{FF2B5EF4-FFF2-40B4-BE49-F238E27FC236}">
                    <a16:creationId xmlns:a16="http://schemas.microsoft.com/office/drawing/2014/main" id="{75480120-A0C7-4497-A887-7D29DD54EDB3}"/>
                  </a:ext>
                </a:extLst>
              </p:cNvPr>
              <p:cNvSpPr txBox="1"/>
              <p:nvPr>
                <p:custDataLst>
                  <p:tags r:id="rId55"/>
                </p:custDataLst>
              </p:nvPr>
            </p:nvSpPr>
            <p:spPr>
              <a:xfrm>
                <a:off x="1841178" y="3012123"/>
                <a:ext cx="20691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18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ruary</a:t>
                </a:r>
              </a:p>
            </p:txBody>
          </p:sp>
          <p:cxnSp>
            <p:nvCxnSpPr>
              <p:cNvPr id="84" name="OTLSHAPE_TB_00000000000000000000000000000000_Separator2">
                <a:extLst>
                  <a:ext uri="{FF2B5EF4-FFF2-40B4-BE49-F238E27FC236}">
                    <a16:creationId xmlns:a16="http://schemas.microsoft.com/office/drawing/2014/main" id="{6DFD4A21-AA01-4C5E-A06E-9C17A7191CD7}"/>
                  </a:ext>
                </a:extLst>
              </p:cNvPr>
              <p:cNvCxnSpPr/>
              <p:nvPr>
                <p:custDataLst>
                  <p:tags r:id="rId56"/>
                </p:custDataLst>
              </p:nvPr>
            </p:nvCxnSpPr>
            <p:spPr>
              <a:xfrm>
                <a:off x="255772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5" name="OTLSHAPE_TB_00000000000000000000000000000000_TimescaleInterval3">
                <a:extLst>
                  <a:ext uri="{FF2B5EF4-FFF2-40B4-BE49-F238E27FC236}">
                    <a16:creationId xmlns:a16="http://schemas.microsoft.com/office/drawing/2014/main" id="{657D4D7E-7F15-4A5D-8D9A-A229AAB70C43}"/>
                  </a:ext>
                </a:extLst>
              </p:cNvPr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2621221" y="3012123"/>
                <a:ext cx="15818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ch</a:t>
                </a:r>
              </a:p>
            </p:txBody>
          </p:sp>
          <p:cxnSp>
            <p:nvCxnSpPr>
              <p:cNvPr id="86" name="OTLSHAPE_TB_00000000000000000000000000000000_Separator3">
                <a:extLst>
                  <a:ext uri="{FF2B5EF4-FFF2-40B4-BE49-F238E27FC236}">
                    <a16:creationId xmlns:a16="http://schemas.microsoft.com/office/drawing/2014/main" id="{FE802677-E191-45C5-946A-1B8A46C0406E}"/>
                  </a:ext>
                </a:extLst>
              </p:cNvPr>
              <p:cNvCxnSpPr/>
              <p:nvPr>
                <p:custDataLst>
                  <p:tags r:id="rId58"/>
                </p:custDataLst>
              </p:nvPr>
            </p:nvCxnSpPr>
            <p:spPr>
              <a:xfrm>
                <a:off x="336376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7" name="OTLSHAPE_TB_00000000000000000000000000000000_TimescaleInterval4">
                <a:extLst>
                  <a:ext uri="{FF2B5EF4-FFF2-40B4-BE49-F238E27FC236}">
                    <a16:creationId xmlns:a16="http://schemas.microsoft.com/office/drawing/2014/main" id="{2D0749E6-3102-4FBF-ACA5-E259F4FA90A3}"/>
                  </a:ext>
                </a:extLst>
              </p:cNvPr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3427264" y="3012123"/>
                <a:ext cx="24130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il</a:t>
                </a:r>
              </a:p>
            </p:txBody>
          </p:sp>
          <p:cxnSp>
            <p:nvCxnSpPr>
              <p:cNvPr id="88" name="OTLSHAPE_TB_00000000000000000000000000000000_Separator4">
                <a:extLst>
                  <a:ext uri="{FF2B5EF4-FFF2-40B4-BE49-F238E27FC236}">
                    <a16:creationId xmlns:a16="http://schemas.microsoft.com/office/drawing/2014/main" id="{F19D83E7-872E-4D37-8E03-FB293BA3C456}"/>
                  </a:ext>
                </a:extLst>
              </p:cNvPr>
              <p:cNvCxnSpPr/>
              <p:nvPr>
                <p:custDataLst>
                  <p:tags r:id="rId60"/>
                </p:custDataLst>
              </p:nvPr>
            </p:nvCxnSpPr>
            <p:spPr>
              <a:xfrm>
                <a:off x="4169808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9" name="OTLSHAPE_TB_00000000000000000000000000000000_TimescaleInterval5">
                <a:extLst>
                  <a:ext uri="{FF2B5EF4-FFF2-40B4-BE49-F238E27FC236}">
                    <a16:creationId xmlns:a16="http://schemas.microsoft.com/office/drawing/2014/main" id="{11A4E4A2-9BE4-4B93-B3F3-0062F34C2638}"/>
                  </a:ext>
                </a:extLst>
              </p:cNvPr>
              <p:cNvSpPr txBox="1"/>
              <p:nvPr>
                <p:custDataLst>
                  <p:tags r:id="rId61"/>
                </p:custDataLst>
              </p:nvPr>
            </p:nvSpPr>
            <p:spPr>
              <a:xfrm>
                <a:off x="4233308" y="3012123"/>
                <a:ext cx="22860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18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  <p:cxnSp>
            <p:nvCxnSpPr>
              <p:cNvPr id="90" name="OTLSHAPE_TB_00000000000000000000000000000000_Separator5">
                <a:extLst>
                  <a:ext uri="{FF2B5EF4-FFF2-40B4-BE49-F238E27FC236}">
                    <a16:creationId xmlns:a16="http://schemas.microsoft.com/office/drawing/2014/main" id="{48A55982-FB18-4BCA-B745-3D7C47BC51CF}"/>
                  </a:ext>
                </a:extLst>
              </p:cNvPr>
              <p:cNvCxnSpPr/>
              <p:nvPr>
                <p:custDataLst>
                  <p:tags r:id="rId62"/>
                </p:custDataLst>
              </p:nvPr>
            </p:nvCxnSpPr>
            <p:spPr>
              <a:xfrm>
                <a:off x="494985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1" name="OTLSHAPE_TB_00000000000000000000000000000000_TimescaleInterval6">
                <a:extLst>
                  <a:ext uri="{FF2B5EF4-FFF2-40B4-BE49-F238E27FC236}">
                    <a16:creationId xmlns:a16="http://schemas.microsoft.com/office/drawing/2014/main" id="{556F69D4-3E5E-40C7-86BC-E5D769D194E1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5013351" y="3012123"/>
                <a:ext cx="21114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2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ne</a:t>
                </a:r>
              </a:p>
            </p:txBody>
          </p:sp>
          <p:cxnSp>
            <p:nvCxnSpPr>
              <p:cNvPr id="92" name="OTLSHAPE_TB_00000000000000000000000000000000_Separator6">
                <a:extLst>
                  <a:ext uri="{FF2B5EF4-FFF2-40B4-BE49-F238E27FC236}">
                    <a16:creationId xmlns:a16="http://schemas.microsoft.com/office/drawing/2014/main" id="{4B5803F2-3C39-4A70-A0C8-F3EA709B2739}"/>
                  </a:ext>
                </a:extLst>
              </p:cNvPr>
              <p:cNvCxnSpPr/>
              <p:nvPr>
                <p:custDataLst>
                  <p:tags r:id="rId64"/>
                </p:custDataLst>
              </p:nvPr>
            </p:nvCxnSpPr>
            <p:spPr>
              <a:xfrm>
                <a:off x="575589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3" name="OTLSHAPE_TB_00000000000000000000000000000000_TimescaleInterval7">
                <a:extLst>
                  <a:ext uri="{FF2B5EF4-FFF2-40B4-BE49-F238E27FC236}">
                    <a16:creationId xmlns:a16="http://schemas.microsoft.com/office/drawing/2014/main" id="{F85749E8-F637-4BA2-BD8A-01E190E7B791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5819394" y="3012123"/>
                <a:ext cx="24397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ly</a:t>
                </a:r>
              </a:p>
            </p:txBody>
          </p:sp>
          <p:cxnSp>
            <p:nvCxnSpPr>
              <p:cNvPr id="94" name="OTLSHAPE_TB_00000000000000000000000000000000_Separator7">
                <a:extLst>
                  <a:ext uri="{FF2B5EF4-FFF2-40B4-BE49-F238E27FC236}">
                    <a16:creationId xmlns:a16="http://schemas.microsoft.com/office/drawing/2014/main" id="{C38AC88B-5AB0-414A-B19E-B5FDA1D694D2}"/>
                  </a:ext>
                </a:extLst>
              </p:cNvPr>
              <p:cNvCxnSpPr/>
              <p:nvPr>
                <p:custDataLst>
                  <p:tags r:id="rId66"/>
                </p:custDataLst>
              </p:nvPr>
            </p:nvCxnSpPr>
            <p:spPr>
              <a:xfrm>
                <a:off x="6535936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5" name="OTLSHAPE_TB_00000000000000000000000000000000_TimescaleInterval8">
                <a:extLst>
                  <a:ext uri="{FF2B5EF4-FFF2-40B4-BE49-F238E27FC236}">
                    <a16:creationId xmlns:a16="http://schemas.microsoft.com/office/drawing/2014/main" id="{F0585121-0B8A-4CA1-BA14-9290A73203CB}"/>
                  </a:ext>
                </a:extLst>
              </p:cNvPr>
              <p:cNvSpPr txBox="1"/>
              <p:nvPr>
                <p:custDataLst>
                  <p:tags r:id="rId67"/>
                </p:custDataLst>
              </p:nvPr>
            </p:nvSpPr>
            <p:spPr>
              <a:xfrm>
                <a:off x="6599437" y="3012123"/>
                <a:ext cx="23185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2">
                    <a:solidFill>
                      <a:schemeClr val="lt2"/>
                    </a:solidFill>
                    <a:latin typeface="Calibri" panose="020F0502020204030204" pitchFamily="34" charset="0"/>
                  </a:rPr>
                  <a:t>August</a:t>
                </a:r>
              </a:p>
            </p:txBody>
          </p:sp>
        </p:grpSp>
        <p:sp>
          <p:nvSpPr>
            <p:cNvPr id="96" name="OTLSHAPE_T_7c518fb37f2142bb8e0445920d0403b5_Shape">
              <a:extLst>
                <a:ext uri="{FF2B5EF4-FFF2-40B4-BE49-F238E27FC236}">
                  <a16:creationId xmlns:a16="http://schemas.microsoft.com/office/drawing/2014/main" id="{CCE96DC5-9DBB-4A06-897E-26AE38CE0A1C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058262" y="3346758"/>
              <a:ext cx="1285704" cy="203200"/>
            </a:xfrm>
            <a:prstGeom prst="roundRect">
              <a:avLst>
                <a:gd name="adj" fmla="val 100000"/>
              </a:avLst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OTLSHAPE_T_7c518fb37f2142bb8e0445920d0403b5_Title">
              <a:extLst>
                <a:ext uri="{FF2B5EF4-FFF2-40B4-BE49-F238E27FC236}">
                  <a16:creationId xmlns:a16="http://schemas.microsoft.com/office/drawing/2014/main" id="{17B8C946-B9A5-464D-9C09-D5968DAB557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1869779" y="3402255"/>
              <a:ext cx="1082315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Spring 2019 GAA 2.0</a:t>
              </a:r>
            </a:p>
          </p:txBody>
        </p:sp>
        <p:sp>
          <p:nvSpPr>
            <p:cNvPr id="98" name="OTLSHAPE_T_7c518fb37f2142bb8e0445920d0403b5_JoinedDate">
              <a:extLst>
                <a:ext uri="{FF2B5EF4-FFF2-40B4-BE49-F238E27FC236}">
                  <a16:creationId xmlns:a16="http://schemas.microsoft.com/office/drawing/2014/main" id="{8844F338-2621-4161-9758-87032B9D1372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4453370" y="3402255"/>
              <a:ext cx="2497338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>
                  <a:solidFill>
                    <a:srgbClr val="7F7F7F"/>
                  </a:solidFill>
                  <a:latin typeface="Calibri" panose="020F0502020204030204" pitchFamily="34" charset="0"/>
                </a:rPr>
                <a:t>March 25 – May 3, 2019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894152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07084B-EE89-46A5-9E20-C97D373D7C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8303" y="136526"/>
            <a:ext cx="5739619" cy="1384715"/>
          </a:xfrm>
        </p:spPr>
        <p:txBody>
          <a:bodyPr>
            <a:normAutofit/>
          </a:bodyPr>
          <a:lstStyle/>
          <a:p>
            <a:r>
              <a:rPr lang="en-US"/>
              <a:t>Georgia Milestones</a:t>
            </a:r>
            <a:br>
              <a:rPr lang="en-US"/>
            </a:br>
            <a:r>
              <a:rPr lang="en-US" sz="3200"/>
              <a:t>EOG Scheduling Flexibility</a:t>
            </a:r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2B46C34-6FA8-44C5-AFFF-6989389BD1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0418" y="1756883"/>
            <a:ext cx="8640566" cy="4109663"/>
          </a:xfrm>
          <a:solidFill>
            <a:schemeClr val="bg1"/>
          </a:solidFill>
        </p:spPr>
        <p:txBody>
          <a:bodyPr vert="horz" lIns="91440" tIns="45720" rIns="91440" bIns="45720" rtlCol="0" anchor="t">
            <a:normAutofit lnSpcReduction="10000"/>
          </a:bodyPr>
          <a:lstStyle/>
          <a:p>
            <a:r>
              <a:rPr lang="en-US" dirty="0">
                <a:cs typeface="Calibri"/>
              </a:rPr>
              <a:t>The local testing calendar can encompass the entire state testing window.</a:t>
            </a:r>
          </a:p>
          <a:p>
            <a:r>
              <a:rPr lang="en-US" dirty="0"/>
              <a:t>The system sets the order of administration for EOG grade level content. Each grade level can be scheduled independent of other grades.</a:t>
            </a:r>
          </a:p>
          <a:p>
            <a:r>
              <a:rPr lang="en-US" dirty="0"/>
              <a:t>The local calendar can be scheduled around spring break; however, if a grade-level content test starts before spring break, it must be completed before spring break.</a:t>
            </a:r>
          </a:p>
          <a:p>
            <a:pPr marL="0" indent="0">
              <a:buNone/>
            </a:pPr>
            <a:r>
              <a:rPr lang="en-US" dirty="0"/>
              <a:t>*</a:t>
            </a:r>
            <a:r>
              <a:rPr lang="en-US" sz="2200" i="1" dirty="0"/>
              <a:t>See the Student Assessment Handbook for additional details.</a:t>
            </a:r>
            <a:endParaRPr lang="en-US" i="1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7CF7299-F62A-451B-9873-6FA82B612BF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72BF28A-E641-4856-970F-0BA7C20C3AD7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797785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07084B-EE89-46A5-9E20-C97D373D7C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Georgia Milestones</a:t>
            </a:r>
            <a:br>
              <a:rPr lang="en-US"/>
            </a:br>
            <a:r>
              <a:rPr lang="en-US" sz="3100" dirty="0"/>
              <a:t>EOG Scheduling Flexibility Example</a:t>
            </a:r>
            <a:endParaRPr lang="en-US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D43DF8AB-E46F-445F-8BC7-BB57DCC93C28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461303" y="1950752"/>
          <a:ext cx="8092146" cy="42614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22361">
                  <a:extLst>
                    <a:ext uri="{9D8B030D-6E8A-4147-A177-3AD203B41FA5}">
                      <a16:colId xmlns:a16="http://schemas.microsoft.com/office/drawing/2014/main" val="3191459617"/>
                    </a:ext>
                  </a:extLst>
                </a:gridCol>
                <a:gridCol w="1275021">
                  <a:extLst>
                    <a:ext uri="{9D8B030D-6E8A-4147-A177-3AD203B41FA5}">
                      <a16:colId xmlns:a16="http://schemas.microsoft.com/office/drawing/2014/main" val="2766077558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3044057423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2967157470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3035326387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1772639636"/>
                    </a:ext>
                  </a:extLst>
                </a:gridCol>
              </a:tblGrid>
              <a:tr h="613719"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on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u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Wedn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hur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Friday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41757688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8-12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3, 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3, 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th</a:t>
                      </a:r>
                    </a:p>
                    <a:p>
                      <a:pPr algn="ctr"/>
                      <a:r>
                        <a:rPr lang="en-US" sz="1600"/>
                        <a:t>3, 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720237397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15-19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</a:t>
                      </a:r>
                    </a:p>
                    <a:p>
                      <a:pPr algn="ctr"/>
                      <a:r>
                        <a:rPr lang="en-US" sz="1600"/>
                        <a:t>4, 6,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</a:t>
                      </a:r>
                    </a:p>
                    <a:p>
                      <a:pPr algn="ctr"/>
                      <a:r>
                        <a:rPr lang="en-US" sz="1600"/>
                        <a:t>4, 6,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th</a:t>
                      </a:r>
                    </a:p>
                    <a:p>
                      <a:pPr algn="ctr"/>
                      <a:r>
                        <a:rPr lang="en-US" sz="1600"/>
                        <a:t>4, 6,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08483211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2-26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06094967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9-May 3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21178492"/>
                  </a:ext>
                </a:extLst>
              </a:tr>
              <a:tr h="558928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6-10 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cience </a:t>
                      </a:r>
                    </a:p>
                    <a:p>
                      <a:pPr algn="ctr"/>
                      <a:r>
                        <a:rPr lang="en-US" sz="1600"/>
                        <a:t>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ocial Studies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10633999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13-17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10691093"/>
                  </a:ext>
                </a:extLst>
              </a:tr>
            </a:tbl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3523F3-C905-4AA2-8339-B3499670B17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EA25F1F-9B4E-4533-B805-8275DDF26B15}" type="datetime1">
              <a:rPr lang="en-US" smtClean="0"/>
              <a:t>9/4/2018</a:t>
            </a:fld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3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59DBE9-6BAE-48D0-9FB6-61DF32755218}"/>
              </a:ext>
            </a:extLst>
          </p:cNvPr>
          <p:cNvSpPr txBox="1"/>
          <p:nvPr/>
        </p:nvSpPr>
        <p:spPr>
          <a:xfrm flipH="1">
            <a:off x="1896913" y="5843891"/>
            <a:ext cx="41487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*EOG Retest window starts May 13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8B133C6-D151-438E-A96B-5998BD4BF4B3}"/>
              </a:ext>
            </a:extLst>
          </p:cNvPr>
          <p:cNvSpPr txBox="1"/>
          <p:nvPr/>
        </p:nvSpPr>
        <p:spPr>
          <a:xfrm>
            <a:off x="1929387" y="3827273"/>
            <a:ext cx="658596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/>
              <a:t>Spring Break</a:t>
            </a:r>
          </a:p>
        </p:txBody>
      </p:sp>
    </p:spTree>
    <p:extLst>
      <p:ext uri="{BB962C8B-B14F-4D97-AF65-F5344CB8AC3E}">
        <p14:creationId xmlns:p14="http://schemas.microsoft.com/office/powerpoint/2010/main" val="176960486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07084B-EE89-46A5-9E20-C97D373D7C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Georgia Milestones</a:t>
            </a:r>
            <a:br>
              <a:rPr lang="en-US"/>
            </a:br>
            <a:r>
              <a:rPr lang="en-US" sz="3100" dirty="0"/>
              <a:t>EOG Scheduling Flexibility Example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D43DF8AB-E46F-445F-8BC7-BB57DCC93C28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507024" y="1847092"/>
          <a:ext cx="8008326" cy="432174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3175">
                  <a:extLst>
                    <a:ext uri="{9D8B030D-6E8A-4147-A177-3AD203B41FA5}">
                      <a16:colId xmlns:a16="http://schemas.microsoft.com/office/drawing/2014/main" val="3191459617"/>
                    </a:ext>
                  </a:extLst>
                </a:gridCol>
                <a:gridCol w="1307592">
                  <a:extLst>
                    <a:ext uri="{9D8B030D-6E8A-4147-A177-3AD203B41FA5}">
                      <a16:colId xmlns:a16="http://schemas.microsoft.com/office/drawing/2014/main" val="2766077558"/>
                    </a:ext>
                  </a:extLst>
                </a:gridCol>
                <a:gridCol w="1335024">
                  <a:extLst>
                    <a:ext uri="{9D8B030D-6E8A-4147-A177-3AD203B41FA5}">
                      <a16:colId xmlns:a16="http://schemas.microsoft.com/office/drawing/2014/main" val="3044057423"/>
                    </a:ext>
                  </a:extLst>
                </a:gridCol>
                <a:gridCol w="1263093">
                  <a:extLst>
                    <a:ext uri="{9D8B030D-6E8A-4147-A177-3AD203B41FA5}">
                      <a16:colId xmlns:a16="http://schemas.microsoft.com/office/drawing/2014/main" val="2967157470"/>
                    </a:ext>
                  </a:extLst>
                </a:gridCol>
                <a:gridCol w="1334721">
                  <a:extLst>
                    <a:ext uri="{9D8B030D-6E8A-4147-A177-3AD203B41FA5}">
                      <a16:colId xmlns:a16="http://schemas.microsoft.com/office/drawing/2014/main" val="3035326387"/>
                    </a:ext>
                  </a:extLst>
                </a:gridCol>
                <a:gridCol w="1334721">
                  <a:extLst>
                    <a:ext uri="{9D8B030D-6E8A-4147-A177-3AD203B41FA5}">
                      <a16:colId xmlns:a16="http://schemas.microsoft.com/office/drawing/2014/main" val="1772639636"/>
                    </a:ext>
                  </a:extLst>
                </a:gridCol>
              </a:tblGrid>
              <a:tr h="623771"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on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u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Wedn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hur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Friday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41757688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8-12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th </a:t>
                      </a:r>
                    </a:p>
                    <a:p>
                      <a:pPr algn="ctr"/>
                      <a:r>
                        <a:rPr lang="en-US" sz="1600"/>
                        <a:t>Section 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th</a:t>
                      </a:r>
                    </a:p>
                    <a:p>
                      <a:pPr algn="ctr"/>
                      <a:r>
                        <a:rPr lang="en-US" sz="160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Makeup</a:t>
                      </a:r>
                    </a:p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720237397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15-19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Section 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Section 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08483211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2-26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06094967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9-May 3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ocial Studies</a:t>
                      </a:r>
                    </a:p>
                    <a:p>
                      <a:pPr algn="ctr"/>
                      <a:r>
                        <a:rPr lang="en-US" sz="1600"/>
                        <a:t>Section 1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ocial Studies</a:t>
                      </a:r>
                    </a:p>
                    <a:p>
                      <a:pPr algn="ctr"/>
                      <a:r>
                        <a:rPr lang="en-US" sz="160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21178492"/>
                  </a:ext>
                </a:extLst>
              </a:tr>
              <a:tr h="577050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6-10 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cience </a:t>
                      </a:r>
                    </a:p>
                    <a:p>
                      <a:pPr algn="ctr"/>
                      <a:r>
                        <a:rPr lang="en-US" sz="1600"/>
                        <a:t>Section 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cience </a:t>
                      </a:r>
                    </a:p>
                    <a:p>
                      <a:pPr algn="ctr"/>
                      <a:r>
                        <a:rPr lang="en-US" sz="160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10633999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13-17</a:t>
                      </a:r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10691093"/>
                  </a:ext>
                </a:extLst>
              </a:tr>
            </a:tbl>
          </a:graphicData>
        </a:graphic>
      </p:graphicFrame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092C3B4-66AD-46EA-ABB4-F692CDB63F2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680F0D-7820-4EA2-9394-010890A81E51}" type="datetime1">
              <a:rPr lang="en-US" smtClean="0"/>
              <a:t>9/4/2018</a:t>
            </a:fld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4</a:t>
            </a:fld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16F2BD5-DD62-4F29-BF79-6E869BEABC46}"/>
              </a:ext>
            </a:extLst>
          </p:cNvPr>
          <p:cNvSpPr txBox="1"/>
          <p:nvPr/>
        </p:nvSpPr>
        <p:spPr>
          <a:xfrm>
            <a:off x="1929387" y="3763265"/>
            <a:ext cx="658596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/>
              <a:t>Spring Break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0681352-3CC2-407A-9BF0-3DEC8248E35F}"/>
              </a:ext>
            </a:extLst>
          </p:cNvPr>
          <p:cNvSpPr txBox="1"/>
          <p:nvPr/>
        </p:nvSpPr>
        <p:spPr>
          <a:xfrm flipH="1">
            <a:off x="2152651" y="5798470"/>
            <a:ext cx="41487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*EOG Retest window starts May 13</a:t>
            </a:r>
          </a:p>
        </p:txBody>
      </p:sp>
    </p:spTree>
    <p:extLst>
      <p:ext uri="{BB962C8B-B14F-4D97-AF65-F5344CB8AC3E}">
        <p14:creationId xmlns:p14="http://schemas.microsoft.com/office/powerpoint/2010/main" val="29721396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1319" y="0"/>
            <a:ext cx="7106147" cy="1646235"/>
          </a:xfrm>
        </p:spPr>
        <p:txBody>
          <a:bodyPr>
            <a:normAutofit fontScale="90000"/>
          </a:bodyPr>
          <a:lstStyle/>
          <a:p>
            <a:r>
              <a:rPr lang="en-US" dirty="0"/>
              <a:t>Projecting Spring Milestones Preliminary Report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r>
              <a:rPr lang="en-US" dirty="0"/>
              <a:t>Representative sample for new REBW content to determine reporting ELA and Reading</a:t>
            </a:r>
          </a:p>
          <a:p>
            <a:r>
              <a:rPr lang="en-US" dirty="0"/>
              <a:t>Representative sample needed to validate remaining content</a:t>
            </a:r>
          </a:p>
          <a:p>
            <a:r>
              <a:rPr lang="en-US" dirty="0"/>
              <a:t>Dates and counts needed to planning for hand scoring</a:t>
            </a:r>
          </a:p>
          <a:p>
            <a:r>
              <a:rPr lang="en-US" dirty="0"/>
              <a:t>District input needed</a:t>
            </a:r>
          </a:p>
          <a:p>
            <a:pPr lvl="1"/>
            <a:r>
              <a:rPr lang="en-US" dirty="0"/>
              <a:t>Survey will be sent the 3</a:t>
            </a:r>
            <a:r>
              <a:rPr lang="en-US" baseline="30000" dirty="0"/>
              <a:t>rd</a:t>
            </a:r>
            <a:r>
              <a:rPr lang="en-US" dirty="0"/>
              <a:t> or 4</a:t>
            </a:r>
            <a:r>
              <a:rPr lang="en-US" baseline="30000" dirty="0"/>
              <a:t>th</a:t>
            </a:r>
            <a:r>
              <a:rPr lang="en-US" dirty="0"/>
              <a:t> week in September</a:t>
            </a:r>
          </a:p>
          <a:p>
            <a:pPr lvl="1"/>
            <a:r>
              <a:rPr lang="en-US" dirty="0"/>
              <a:t>Need projected counts by EOC subject and EOG grade level content</a:t>
            </a:r>
          </a:p>
          <a:p>
            <a:pPr lvl="1"/>
            <a:r>
              <a:rPr lang="en-US" dirty="0"/>
              <a:t>Test dates need to be specific for each EOC subject and EOG grade level content not just a rang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490BFCB-AC95-4EAB-B77E-63D39E69F968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73545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149B38-F6EC-4283-8505-865203929E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1320" y="-63016"/>
            <a:ext cx="6316630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Preliminary Spring 2019 Enrollment Surve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EB03F2F-1072-4059-9DD4-1D87F7D821F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C9E761F-D95F-40F7-815A-ED537F2F27F7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112AC5E-0589-4CE1-8C90-BB158DC12A1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6</a:t>
            </a:fld>
            <a:endParaRPr lang="en-US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C3CA9EEB-D01B-4518-AADE-71674364EFC3}"/>
              </a:ext>
            </a:extLst>
          </p:cNvPr>
          <p:cNvGrpSpPr/>
          <p:nvPr/>
        </p:nvGrpSpPr>
        <p:grpSpPr>
          <a:xfrm>
            <a:off x="62692" y="1444077"/>
            <a:ext cx="8805530" cy="4794504"/>
            <a:chOff x="62692" y="1444077"/>
            <a:chExt cx="8805530" cy="4794504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A72FAB52-6DC9-46FC-8F30-A6D992FDB49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2692" y="1444077"/>
              <a:ext cx="7540849" cy="3648456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9A0F6AE4-237F-4BCD-A9F5-6FE6B04DF00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772347" y="3114381"/>
              <a:ext cx="5095875" cy="3124200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528E4D66-029E-43FF-A6B5-A070A2CEFCC4}"/>
              </a:ext>
            </a:extLst>
          </p:cNvPr>
          <p:cNvGrpSpPr/>
          <p:nvPr/>
        </p:nvGrpSpPr>
        <p:grpSpPr>
          <a:xfrm>
            <a:off x="51194" y="1434259"/>
            <a:ext cx="8800835" cy="4673933"/>
            <a:chOff x="51194" y="1434259"/>
            <a:chExt cx="8800835" cy="4673933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5D3477A3-2659-40C8-9983-EE5D972A6BD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1194" y="1434259"/>
              <a:ext cx="5863061" cy="4673933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DC86BD54-06AC-44C8-8591-B9BF4E4D89D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708779" y="2766338"/>
              <a:ext cx="3143250" cy="2009775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</p:grpSp>
    </p:spTree>
    <p:extLst>
      <p:ext uri="{BB962C8B-B14F-4D97-AF65-F5344CB8AC3E}">
        <p14:creationId xmlns:p14="http://schemas.microsoft.com/office/powerpoint/2010/main" val="8612785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590844"/>
            <a:ext cx="7886700" cy="1445846"/>
          </a:xfrm>
        </p:spPr>
        <p:txBody>
          <a:bodyPr/>
          <a:lstStyle/>
          <a:p>
            <a:r>
              <a:rPr lang="en-US"/>
              <a:t>Communic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7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66948" y="2510188"/>
            <a:ext cx="3213978" cy="320999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2D5B61-0F31-4BE8-B2AD-6FA045F033C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4AAD6C9-7C40-4BBB-B240-6936123B51DA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559052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C98698-C0AB-40FA-89D9-03F8F66418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mmunicate your Calendar</a:t>
            </a:r>
          </a:p>
        </p:txBody>
      </p:sp>
      <p:pic>
        <p:nvPicPr>
          <p:cNvPr id="6" name="Content Placeholder 5" descr="A close up of a sign&#10;&#10;Description generated with very high confidence">
            <a:extLst>
              <a:ext uri="{FF2B5EF4-FFF2-40B4-BE49-F238E27FC236}">
                <a16:creationId xmlns:a16="http://schemas.microsoft.com/office/drawing/2014/main" id="{E7F6DD3E-1E06-4CE4-8001-1631C8C9472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40773" y="1659581"/>
            <a:ext cx="3352846" cy="3261337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7ADDB3E-F396-410B-AD80-475A74DA17B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8</a:t>
            </a:fld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391AC02-8661-4309-B482-566D884ACDD6}"/>
              </a:ext>
            </a:extLst>
          </p:cNvPr>
          <p:cNvSpPr txBox="1"/>
          <p:nvPr/>
        </p:nvSpPr>
        <p:spPr>
          <a:xfrm>
            <a:off x="4186989" y="1218544"/>
            <a:ext cx="4587534" cy="5016758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r>
              <a:rPr lang="en-US" sz="2000" b="1"/>
              <a:t>Wha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Testing Dat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Training Dat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Requirem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Reporting Dates</a:t>
            </a:r>
          </a:p>
          <a:p>
            <a:r>
              <a:rPr lang="en-US" sz="2000" b="1"/>
              <a:t>Who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Principa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District Administrato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Teach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Par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Community</a:t>
            </a:r>
          </a:p>
          <a:p>
            <a:r>
              <a:rPr lang="en-US" sz="2000" b="1"/>
              <a:t>How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Email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Websi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Fly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/>
              <a:t>Social Media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1F52B0A-44ED-4554-9C4E-36453F3CC12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3EEC464-934B-4EC6-95BF-ECD74243210F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088472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04C008D2-9C85-45A4-AB32-2E25422F17EF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3748270897"/>
              </p:ext>
            </p:extLst>
          </p:nvPr>
        </p:nvGraphicFramePr>
        <p:xfrm>
          <a:off x="0" y="518257"/>
          <a:ext cx="9143999" cy="589505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46477">
                  <a:extLst>
                    <a:ext uri="{9D8B030D-6E8A-4147-A177-3AD203B41FA5}">
                      <a16:colId xmlns:a16="http://schemas.microsoft.com/office/drawing/2014/main" val="959130104"/>
                    </a:ext>
                  </a:extLst>
                </a:gridCol>
                <a:gridCol w="2788386">
                  <a:extLst>
                    <a:ext uri="{9D8B030D-6E8A-4147-A177-3AD203B41FA5}">
                      <a16:colId xmlns:a16="http://schemas.microsoft.com/office/drawing/2014/main" val="2441327989"/>
                    </a:ext>
                  </a:extLst>
                </a:gridCol>
                <a:gridCol w="2204568">
                  <a:extLst>
                    <a:ext uri="{9D8B030D-6E8A-4147-A177-3AD203B41FA5}">
                      <a16:colId xmlns:a16="http://schemas.microsoft.com/office/drawing/2014/main" val="2269875232"/>
                    </a:ext>
                  </a:extLst>
                </a:gridCol>
                <a:gridCol w="2204568">
                  <a:extLst>
                    <a:ext uri="{9D8B030D-6E8A-4147-A177-3AD203B41FA5}">
                      <a16:colId xmlns:a16="http://schemas.microsoft.com/office/drawing/2014/main" val="2921687864"/>
                    </a:ext>
                  </a:extLst>
                </a:gridCol>
              </a:tblGrid>
              <a:tr h="513005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Testing Windo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Popula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Report Expectation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29800365"/>
                  </a:ext>
                </a:extLst>
              </a:tr>
              <a:tr h="617778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CCESS for ELLs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1/16/2019-3/8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EL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Mid-May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97768532"/>
                  </a:ext>
                </a:extLst>
              </a:tr>
              <a:tr h="106984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Milestones EO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4/22/2019-5/31/2019 plus mid-months and summer admi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ll Students in Specific Cours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Preliminary, varies based on test dates and administration mod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35077872"/>
                  </a:ext>
                </a:extLst>
              </a:tr>
              <a:tr h="8822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Milestones EO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4/8/2019-5/17/2019</a:t>
                      </a:r>
                    </a:p>
                    <a:p>
                      <a:pPr algn="ctr">
                        <a:buNone/>
                      </a:pPr>
                      <a:r>
                        <a:rPr lang="en-US" sz="1600"/>
                        <a:t>plus rete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ll Students Grades 3-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Preliminary, varies based on test date and administration mod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190924721"/>
                  </a:ext>
                </a:extLst>
              </a:tr>
              <a:tr h="5807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Alternate Assessment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3/25/2019-5/3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1% of Georgia Milestones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Jun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38212587"/>
                  </a:ext>
                </a:extLst>
              </a:tr>
              <a:tr h="106984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KI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7/9/2018-5/13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Kindergarten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Determined locally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4734349"/>
                  </a:ext>
                </a:extLst>
              </a:tr>
              <a:tr h="5807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NAE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1/28/2019-3/8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Selected Schools and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Fall 2019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32939117"/>
                  </a:ext>
                </a:extLst>
              </a:tr>
              <a:tr h="5807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Keenville</a:t>
                      </a:r>
                      <a:endParaRPr lang="en-US" sz="1600" err="1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ll Ye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K-2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Teacher discretion throughout the yea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3926552"/>
                  </a:ext>
                </a:extLst>
              </a:tr>
            </a:tbl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373821-8D90-473C-956A-3C9C7C164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DFF0A6-DB29-41F3-A6AA-A3D03A690022}" type="datetime1">
              <a:rPr lang="en-US" smtClean="0"/>
              <a:t>9/4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AE8C8-4A46-4A7F-9157-556910D448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473BFEA-E302-44F8-B33E-E45A051B9F42}"/>
              </a:ext>
            </a:extLst>
          </p:cNvPr>
          <p:cNvSpPr txBox="1">
            <a:spLocks/>
          </p:cNvSpPr>
          <p:nvPr/>
        </p:nvSpPr>
        <p:spPr>
          <a:xfrm>
            <a:off x="77808" y="-71177"/>
            <a:ext cx="6316630" cy="65314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sz="4000" dirty="0">
                <a:solidFill>
                  <a:srgbClr val="0000FF"/>
                </a:solidFill>
              </a:rPr>
              <a:t>State Testing Windows</a:t>
            </a:r>
          </a:p>
        </p:txBody>
      </p:sp>
    </p:spTree>
    <p:extLst>
      <p:ext uri="{BB962C8B-B14F-4D97-AF65-F5344CB8AC3E}">
        <p14:creationId xmlns:p14="http://schemas.microsoft.com/office/powerpoint/2010/main" val="356624914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4FD0E1-142C-4BB0-8796-B511A3F74F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ebinar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863856C-9DF4-4425-8420-02C2F2AF5625}"/>
              </a:ext>
            </a:extLst>
          </p:cNvPr>
          <p:cNvSpPr txBox="1">
            <a:spLocks noGrp="1"/>
          </p:cNvSpPr>
          <p:nvPr>
            <p:ph idx="1"/>
          </p:nvPr>
        </p:nvSpPr>
        <p:spPr>
          <a:xfrm>
            <a:off x="628650" y="1371251"/>
            <a:ext cx="7886700" cy="2907792"/>
          </a:xfrm>
        </p:spPr>
        <p:txBody>
          <a:bodyPr>
            <a:normAutofit fontScale="85000" lnSpcReduction="20000"/>
          </a:bodyPr>
          <a:lstStyle/>
          <a:p>
            <a:r>
              <a:rPr lang="en-US" dirty="0"/>
              <a:t>All webinar recordings are available the day after the presentation. Click on the original registration link for any Assessment webinar to access the recording. </a:t>
            </a:r>
          </a:p>
          <a:p>
            <a:pPr lvl="1"/>
            <a:r>
              <a:rPr lang="en-US" dirty="0"/>
              <a:t>September 4: </a:t>
            </a:r>
            <a:r>
              <a:rPr lang="en-US" dirty="0">
                <a:hlinkClick r:id="rId2"/>
              </a:rPr>
              <a:t>https://attendee.gotowebinar.com/register/7487594312230147330</a:t>
            </a:r>
            <a:r>
              <a:rPr lang="en-US" dirty="0"/>
              <a:t> </a:t>
            </a:r>
          </a:p>
          <a:p>
            <a:pPr lvl="1"/>
            <a:r>
              <a:rPr lang="en-US" dirty="0"/>
              <a:t>September 6: </a:t>
            </a:r>
            <a:r>
              <a:rPr lang="en-US" dirty="0">
                <a:hlinkClick r:id="rId3"/>
              </a:rPr>
              <a:t>https://attendee.gotowebinar.com/register/7298426635206218754</a:t>
            </a:r>
            <a:endParaRPr lang="en-US" dirty="0"/>
          </a:p>
          <a:p>
            <a:pPr lvl="1"/>
            <a:r>
              <a:rPr lang="en-US" dirty="0"/>
              <a:t>This presentation file can be found at </a:t>
            </a:r>
            <a:r>
              <a:rPr lang="en-US" dirty="0">
                <a:hlinkClick r:id="rId4"/>
              </a:rPr>
              <a:t>http://testing.gadoe.org</a:t>
            </a:r>
            <a:endParaRPr lang="en-US" dirty="0"/>
          </a:p>
          <a:p>
            <a:pPr lvl="1"/>
            <a:r>
              <a:rPr lang="en-US" dirty="0"/>
              <a:t>Certificates are now sent from </a:t>
            </a:r>
            <a:r>
              <a:rPr lang="en-US" dirty="0" err="1"/>
              <a:t>GoToWebinar</a:t>
            </a:r>
            <a:r>
              <a:rPr lang="en-US" dirty="0"/>
              <a:t> after </a:t>
            </a:r>
            <a:r>
              <a:rPr lang="en-US" b="1" dirty="0">
                <a:solidFill>
                  <a:srgbClr val="FF0000"/>
                </a:solidFill>
              </a:rPr>
              <a:t>live</a:t>
            </a:r>
            <a:r>
              <a:rPr lang="en-US" dirty="0"/>
              <a:t> training sessions. Those watching recordings will not receive a certificate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B2FED9-25A2-400D-A0A4-7AFAAD9A2C7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C7C9011-78AA-4D52-963A-5C46AFFE734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016649" y="4096831"/>
            <a:ext cx="3110701" cy="244243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69750D-AD0C-4796-BEB3-CB79E9A4A20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B2C62E2-CE8E-4751-A6E5-D2EFD790D57B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5101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20000" tmFilter="0, 0; .2, .5; .8, .5; 1, 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7" dur="10000" autoRev="1" fill="hold"/>
                                        <p:tgtEl>
                                          <p:spTgt spid="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05BBCD-A38E-4DD2-97F3-55CB8B3E2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eorgia Milestones</a:t>
            </a:r>
            <a:r>
              <a:rPr lang="en-US"/>
              <a:t> Repor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42B9DA-B3BC-4E20-A3C7-2C1E441B795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/>
              <a:t>Preliminary reports can be immediately released to teachers, parents, and administrators </a:t>
            </a:r>
          </a:p>
          <a:p>
            <a:r>
              <a:rPr lang="en-US"/>
              <a:t>Inform school and system level staff how results will be distributed to parents</a:t>
            </a:r>
          </a:p>
          <a:p>
            <a:pPr lvl="1"/>
            <a:r>
              <a:rPr lang="en-US" b="1"/>
              <a:t>Be sure summer school staff know reporting timelines</a:t>
            </a:r>
          </a:p>
          <a:p>
            <a:pPr marL="285750" indent="-285750"/>
            <a:r>
              <a:rPr lang="en-US" b="1"/>
              <a:t>Summary Reports are embargoed </a:t>
            </a:r>
            <a:r>
              <a:rPr lang="en-US"/>
              <a:t>until they are released by </a:t>
            </a:r>
            <a:r>
              <a:rPr lang="en-US" dirty="0"/>
              <a:t>the </a:t>
            </a:r>
            <a:r>
              <a:rPr lang="en-US"/>
              <a:t>GaDOE. </a:t>
            </a:r>
          </a:p>
          <a:p>
            <a:pPr marL="285750" indent="-285750"/>
            <a:r>
              <a:rPr lang="en-US"/>
              <a:t>Communicate on school and district websites the expected release dates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US"/>
              <a:t>Share the link for Statewide Scores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r>
              <a:rPr lang="en-US"/>
              <a:t>Describe how the district plans to share school and district results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BA70D23-8329-4109-88ED-270E87E587B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BB87FF-E52E-4E9A-BA44-BB4FC7115CF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2EB3B274-491F-4B91-B50A-C257E9A88E60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472809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4903" y="341454"/>
            <a:ext cx="5437898" cy="1566369"/>
          </a:xfrm>
        </p:spPr>
        <p:txBody>
          <a:bodyPr>
            <a:normAutofit fontScale="90000"/>
          </a:bodyPr>
          <a:lstStyle/>
          <a:p>
            <a:r>
              <a:rPr lang="en-US"/>
              <a:t>Assessment Administr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1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44623" y="2251176"/>
            <a:ext cx="3670544" cy="366599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35A5E28-FF7C-4398-92EE-3C253860523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7F72CC1-02F6-4600-A844-864F745A5886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94646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219AC8-6CBF-4A34-BF69-A95F58173B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For Educato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B510406-F36D-4CA2-9507-415DA6613A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2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3E47C4D-6908-4F9B-995A-07969E89B1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631" y="1428676"/>
            <a:ext cx="3142857" cy="3733333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C96E76-7D8C-4571-A693-C151EC5C80B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F2AEAA4-7399-4065-8EEF-FBBFFF9573BC}" type="datetime1">
              <a:rPr lang="en-US" smtClean="0"/>
              <a:t>9/4/2018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60640" y="1582520"/>
            <a:ext cx="4752975" cy="4495800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1" name="Straight Arrow Connector 10"/>
          <p:cNvCxnSpPr>
            <a:cxnSpLocks/>
          </p:cNvCxnSpPr>
          <p:nvPr/>
        </p:nvCxnSpPr>
        <p:spPr>
          <a:xfrm flipH="1">
            <a:off x="5283201" y="4927600"/>
            <a:ext cx="2023532" cy="304800"/>
          </a:xfrm>
          <a:prstGeom prst="straightConnector1">
            <a:avLst/>
          </a:prstGeom>
          <a:ln w="76200">
            <a:solidFill>
              <a:srgbClr val="2C563F"/>
            </a:solidFill>
            <a:headEnd type="none" w="med" len="med"/>
            <a:tailEnd type="arrow" w="med" len="med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5921884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EC78B7-4115-416E-AF13-5B3282DF77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ssessment Resourc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9541918-1C22-4F0E-842C-FB5D94134C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3</a:t>
            </a:fld>
            <a:endParaRPr lang="en-US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D61E7C77-00CE-4BC4-BA9A-10053E6DF30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958B5E2-9080-402B-BEA0-1C57A42115DE}" type="datetime1">
              <a:rPr lang="en-US" smtClean="0"/>
              <a:t>9/4/2018</a:t>
            </a:fld>
            <a:endParaRPr lang="en-US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99002" y="1659579"/>
            <a:ext cx="4163929" cy="4663844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421859195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EC78B7-4115-416E-AF13-5B3282DF77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25" y="-373906"/>
            <a:ext cx="6316630" cy="1325563"/>
          </a:xfrm>
        </p:spPr>
        <p:txBody>
          <a:bodyPr/>
          <a:lstStyle/>
          <a:p>
            <a:r>
              <a:rPr lang="en-US"/>
              <a:t>GAA Resourc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9541918-1C22-4F0E-842C-FB5D94134C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4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8EC23E-6936-4B8A-A9CA-EDC4DA39668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E796EC0-6EDE-47F3-82A4-987CE091CBDB}" type="datetime1">
              <a:rPr lang="en-US" smtClean="0"/>
              <a:t>9/4/2018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9917" y="1222002"/>
            <a:ext cx="4283335" cy="2399740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05350" y="1222002"/>
            <a:ext cx="2781300" cy="4686300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46228074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5A5780-C8AC-4128-ACE3-C60570FE64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3984" y="334018"/>
            <a:ext cx="6784959" cy="1325563"/>
          </a:xfrm>
        </p:spPr>
        <p:txBody>
          <a:bodyPr>
            <a:normAutofit/>
          </a:bodyPr>
          <a:lstStyle/>
          <a:p>
            <a:r>
              <a:rPr lang="en-US"/>
              <a:t>Checklist </a:t>
            </a:r>
            <a:r>
              <a:rPr lang="en-US" dirty="0"/>
              <a:t>for</a:t>
            </a:r>
            <a:r>
              <a:rPr lang="en-US"/>
              <a:t> School Test Coordinato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04DBF9A-EBF4-4055-A028-BA7CE64393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en-US" sz="2300" dirty="0"/>
              <a:t>Ensure all staff involved with testing understand their roles and responsibilities as articulated in SAH as they relate to the various testing programs.</a:t>
            </a:r>
          </a:p>
          <a:p>
            <a:r>
              <a:rPr lang="en-US" sz="2300" dirty="0"/>
              <a:t>Ensure all examiners have valid GaPSC-issued certificate.</a:t>
            </a:r>
          </a:p>
          <a:p>
            <a:r>
              <a:rPr lang="en-US" sz="2300" dirty="0"/>
              <a:t>Review the testing calendar to avoid conflicts with local school activities.</a:t>
            </a:r>
          </a:p>
          <a:p>
            <a:r>
              <a:rPr lang="en-US" sz="2300" dirty="0"/>
              <a:t>Ensure the testing calendar and reporting plan is readily available through common communication tools (e.g. district/ school website).</a:t>
            </a:r>
          </a:p>
          <a:p>
            <a:r>
              <a:rPr lang="en-US" sz="2300" dirty="0"/>
              <a:t>Develop a training plan for test administration and test security for each assessment program.</a:t>
            </a:r>
          </a:p>
          <a:p>
            <a:pPr marL="0" indent="0">
              <a:buNone/>
            </a:pPr>
            <a:endParaRPr lang="en-US" sz="2300" dirty="0"/>
          </a:p>
          <a:p>
            <a:endParaRPr lang="en-US" sz="23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BC688F-B51E-4AF1-A020-658677F6D48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5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EA2AA95-4686-4893-AB07-8DB2260FBD6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79CEFFB-7B6D-4741-B920-8C016CE681B4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011176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486486"/>
            <a:ext cx="5404379" cy="1094530"/>
          </a:xfrm>
        </p:spPr>
        <p:txBody>
          <a:bodyPr>
            <a:normAutofit/>
          </a:bodyPr>
          <a:lstStyle/>
          <a:p>
            <a:r>
              <a:rPr lang="en-US"/>
              <a:t>Technolog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6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38279" y="2433710"/>
            <a:ext cx="3439342" cy="3435074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1360032-61FD-4C80-B37A-49E6CC88AB6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A989ACA-8000-4E21-A991-CE45F22491F5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039829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89E8A3-D696-41E1-8D4C-017CD4D762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Fitting Partnerships Togethe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9CC3E6C-39D6-44BF-A771-F65FC1B65A9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7</a:t>
            </a:fld>
            <a:endParaRPr lang="en-US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24E874C2-F485-4737-9489-5FEA885276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97766059"/>
              </p:ext>
            </p:extLst>
          </p:nvPr>
        </p:nvGraphicFramePr>
        <p:xfrm>
          <a:off x="250723" y="1396999"/>
          <a:ext cx="8716297" cy="519553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606C27-6159-4727-A60E-463CC98E920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107CC23-3E80-454F-96DD-83B01E61E180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704468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6CE51E-65FD-4215-9F38-FD52F08D0E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1762" y="18255"/>
            <a:ext cx="6316630" cy="1325563"/>
          </a:xfrm>
        </p:spPr>
        <p:txBody>
          <a:bodyPr/>
          <a:lstStyle/>
          <a:p>
            <a:r>
              <a:rPr lang="en-US"/>
              <a:t>Building a </a:t>
            </a:r>
            <a:r>
              <a:rPr lang="en-US" dirty="0"/>
              <a:t>Tech</a:t>
            </a:r>
            <a:r>
              <a:rPr lang="en-US"/>
              <a:t> Team for Assessm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F589EA-9EE1-43EC-9AA3-EF6BEFCE536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8650" y="1674416"/>
            <a:ext cx="7886700" cy="4351338"/>
          </a:xfrm>
        </p:spPr>
        <p:txBody>
          <a:bodyPr>
            <a:normAutofit lnSpcReduction="10000"/>
          </a:bodyPr>
          <a:lstStyle/>
          <a:p>
            <a:r>
              <a:rPr lang="en-US"/>
              <a:t>Members</a:t>
            </a:r>
          </a:p>
          <a:p>
            <a:pPr lvl="1"/>
            <a:r>
              <a:rPr lang="en-US"/>
              <a:t>System Test Coordinator</a:t>
            </a:r>
          </a:p>
          <a:p>
            <a:pPr lvl="1"/>
            <a:r>
              <a:rPr lang="en-US" dirty="0"/>
              <a:t>Special Education Director/</a:t>
            </a:r>
            <a:r>
              <a:rPr lang="en-US"/>
              <a:t>ESOL Coordinator</a:t>
            </a:r>
            <a:endParaRPr lang="en-US" dirty="0"/>
          </a:p>
          <a:p>
            <a:pPr lvl="1"/>
            <a:r>
              <a:rPr lang="en-US"/>
              <a:t>School Test Coordinators</a:t>
            </a:r>
          </a:p>
          <a:p>
            <a:pPr lvl="1"/>
            <a:r>
              <a:rPr lang="en-US"/>
              <a:t>System Technology Coordinator</a:t>
            </a:r>
          </a:p>
          <a:p>
            <a:pPr lvl="1"/>
            <a:r>
              <a:rPr lang="en-US"/>
              <a:t>School-level Technical Staff</a:t>
            </a:r>
          </a:p>
          <a:p>
            <a:r>
              <a:rPr lang="en-US"/>
              <a:t>Meet Regularly</a:t>
            </a:r>
          </a:p>
          <a:p>
            <a:r>
              <a:rPr lang="en-US"/>
              <a:t>Share training opportunities</a:t>
            </a:r>
          </a:p>
          <a:p>
            <a:r>
              <a:rPr lang="en-US"/>
              <a:t>Share technology requirements</a:t>
            </a:r>
          </a:p>
          <a:p>
            <a:r>
              <a:rPr lang="en-US"/>
              <a:t>Share testing windows and numbers of test take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C0C144-637E-4E45-BECE-45CB6EFC4A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8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3A7B31-C779-4460-879A-5F63015AA40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ED5DBDA-BF37-42E0-8648-B2676D0177A3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059926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ite Technology Readiness Checklis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>
            <a:noAutofit/>
          </a:bodyPr>
          <a:lstStyle/>
          <a:p>
            <a:r>
              <a:rPr lang="en-US" sz="2400" b="1" dirty="0"/>
              <a:t>Site planning team </a:t>
            </a:r>
          </a:p>
          <a:p>
            <a:pPr lvl="1"/>
            <a:r>
              <a:rPr lang="en-US" sz="2000" dirty="0"/>
              <a:t>Teachers, Test Administrators, Technology Coordinators, District Assessment Coordinators, EL Directors, Principals, Curriculum Directors</a:t>
            </a:r>
          </a:p>
          <a:p>
            <a:r>
              <a:rPr lang="en-US" sz="2400" b="1" dirty="0"/>
              <a:t>Consider Timeframes</a:t>
            </a:r>
          </a:p>
          <a:p>
            <a:pPr lvl="1"/>
            <a:r>
              <a:rPr lang="en-US" sz="2000" dirty="0"/>
              <a:t>2-3 Months Before Testing</a:t>
            </a:r>
          </a:p>
          <a:p>
            <a:pPr lvl="1"/>
            <a:r>
              <a:rPr lang="en-US" sz="2000" dirty="0"/>
              <a:t>1-2 Months Before Testing</a:t>
            </a:r>
          </a:p>
          <a:p>
            <a:pPr lvl="1"/>
            <a:r>
              <a:rPr lang="en-US" sz="2000" dirty="0"/>
              <a:t>2-4 Weeks Before Testing</a:t>
            </a:r>
          </a:p>
          <a:p>
            <a:pPr lvl="1"/>
            <a:r>
              <a:rPr lang="en-US" sz="2000" dirty="0"/>
              <a:t>1-2 Weeks Before Testing</a:t>
            </a:r>
          </a:p>
          <a:p>
            <a:pPr lvl="1"/>
            <a:r>
              <a:rPr lang="en-US" sz="2000" dirty="0"/>
              <a:t>Day of Testing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44B1E89C-F591-4C3E-AAD9-90559C1FC33F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pPr marL="0" indent="-285750">
              <a:defRPr/>
            </a:pPr>
            <a:r>
              <a:rPr lang="en-US" sz="2400" b="1" dirty="0"/>
              <a:t>Categories</a:t>
            </a:r>
          </a:p>
          <a:p>
            <a:pPr marL="688975" lvl="2">
              <a:defRPr/>
            </a:pPr>
            <a:r>
              <a:rPr lang="en-US" dirty="0"/>
              <a:t>Communication</a:t>
            </a:r>
          </a:p>
          <a:p>
            <a:pPr marL="688975" lvl="2">
              <a:defRPr/>
            </a:pPr>
            <a:r>
              <a:rPr lang="en-US" dirty="0"/>
              <a:t>Site Planning, Scheduling, and Logistics</a:t>
            </a:r>
          </a:p>
          <a:p>
            <a:pPr marL="688975" lvl="2">
              <a:defRPr/>
            </a:pPr>
            <a:r>
              <a:rPr lang="en-US" dirty="0"/>
              <a:t>Technology – Device Setup</a:t>
            </a:r>
          </a:p>
          <a:p>
            <a:pPr marL="688975" lvl="2">
              <a:defRPr/>
            </a:pPr>
            <a:r>
              <a:rPr lang="en-US" dirty="0"/>
              <a:t>Technology – Network Configuration</a:t>
            </a:r>
          </a:p>
          <a:p>
            <a:pPr marL="688975" lvl="2">
              <a:defRPr/>
            </a:pPr>
            <a:r>
              <a:rPr lang="en-US" dirty="0"/>
              <a:t>Technology – COS Setup</a:t>
            </a:r>
          </a:p>
          <a:p>
            <a:pPr marL="688975" lvl="2">
              <a:defRPr/>
            </a:pPr>
            <a:r>
              <a:rPr lang="en-US" dirty="0"/>
              <a:t>Trainin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96C6E44-9655-45E3-811C-EE24142E3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10B246-E9C9-4969-B315-AAFAC56D2BC3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3F61716-DAA0-4048-89A2-3D0F6E8540B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2266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4" name="Rectangle 3"/>
          <p:cNvSpPr/>
          <p:nvPr/>
        </p:nvSpPr>
        <p:spPr>
          <a:xfrm>
            <a:off x="101599" y="-103695"/>
            <a:ext cx="3427624" cy="617955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8320" y="334018"/>
            <a:ext cx="3094182" cy="5318639"/>
          </a:xfrm>
        </p:spPr>
        <p:txBody>
          <a:bodyPr>
            <a:normAutofit/>
          </a:bodyPr>
          <a:lstStyle/>
          <a:p>
            <a:pPr algn="ctr"/>
            <a:r>
              <a:rPr lang="en-US">
                <a:solidFill>
                  <a:schemeClr val="bg1"/>
                </a:solidFill>
                <a:latin typeface="+mj-lt"/>
              </a:rPr>
              <a:t>District Assessment Plan</a:t>
            </a:r>
          </a:p>
        </p:txBody>
      </p:sp>
      <p:cxnSp>
        <p:nvCxnSpPr>
          <p:cNvPr id="6" name="Straight Connector 5"/>
          <p:cNvCxnSpPr/>
          <p:nvPr/>
        </p:nvCxnSpPr>
        <p:spPr>
          <a:xfrm>
            <a:off x="633159" y="3990109"/>
            <a:ext cx="2364509" cy="0"/>
          </a:xfrm>
          <a:prstGeom prst="line">
            <a:avLst/>
          </a:prstGeom>
          <a:ln w="285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F9FA3-ECBB-42A5-9453-358CF680069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3FAD1F6-56D2-4CD7-B01E-D8ED23F5BF8F}" type="datetime1">
              <a:rPr lang="en-US" smtClean="0"/>
              <a:t>9/4/2018</a:t>
            </a:fld>
            <a:endParaRPr lang="en-US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F91A1739-2C43-4387-9EF4-BC1561D17F17}"/>
              </a:ext>
            </a:extLst>
          </p:cNvPr>
          <p:cNvGrpSpPr/>
          <p:nvPr/>
        </p:nvGrpSpPr>
        <p:grpSpPr>
          <a:xfrm>
            <a:off x="3362504" y="1568480"/>
            <a:ext cx="5363808" cy="3974364"/>
            <a:chOff x="1356270" y="977564"/>
            <a:chExt cx="6614717" cy="4902871"/>
          </a:xfrm>
        </p:grpSpPr>
        <p:pic>
          <p:nvPicPr>
            <p:cNvPr id="13" name="Picture 12" descr="umbrella clipart">
              <a:extLst>
                <a:ext uri="{FF2B5EF4-FFF2-40B4-BE49-F238E27FC236}">
                  <a16:creationId xmlns:a16="http://schemas.microsoft.com/office/drawing/2014/main" id="{619049DB-4914-49EF-9B98-31DE7614CD1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147403" y="977564"/>
              <a:ext cx="4915159" cy="490287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8BEF2AC5-1044-42E1-A701-93BA5D9AD7AF}"/>
                </a:ext>
              </a:extLst>
            </p:cNvPr>
            <p:cNvSpPr txBox="1"/>
            <p:nvPr/>
          </p:nvSpPr>
          <p:spPr>
            <a:xfrm>
              <a:off x="1356270" y="2182811"/>
              <a:ext cx="1563744" cy="333708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>
                  <a:solidFill>
                    <a:schemeClr val="accent1">
                      <a:lumMod val="75000"/>
                    </a:schemeClr>
                  </a:solidFill>
                </a:rPr>
                <a:t>Calendaring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2339462F-70AA-4D64-B87C-541B0B406151}"/>
                </a:ext>
              </a:extLst>
            </p:cNvPr>
            <p:cNvSpPr txBox="1"/>
            <p:nvPr/>
          </p:nvSpPr>
          <p:spPr>
            <a:xfrm>
              <a:off x="2277988" y="2686433"/>
              <a:ext cx="2007509" cy="3337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>
                  <a:solidFill>
                    <a:schemeClr val="accent1">
                      <a:lumMod val="75000"/>
                    </a:schemeClr>
                  </a:solidFill>
                </a:rPr>
                <a:t>Communication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AD0BF7A1-8CD2-46D4-82A8-E21EE6617261}"/>
                </a:ext>
              </a:extLst>
            </p:cNvPr>
            <p:cNvSpPr txBox="1"/>
            <p:nvPr/>
          </p:nvSpPr>
          <p:spPr>
            <a:xfrm>
              <a:off x="5250884" y="3493864"/>
              <a:ext cx="1304579" cy="3337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>
                  <a:solidFill>
                    <a:schemeClr val="accent1">
                      <a:lumMod val="75000"/>
                    </a:schemeClr>
                  </a:solidFill>
                </a:rPr>
                <a:t>Reporting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CB58EBB4-101C-47E5-ABA9-D2ED798E510C}"/>
                </a:ext>
              </a:extLst>
            </p:cNvPr>
            <p:cNvSpPr txBox="1"/>
            <p:nvPr/>
          </p:nvSpPr>
          <p:spPr>
            <a:xfrm>
              <a:off x="3441853" y="3257892"/>
              <a:ext cx="2007509" cy="3337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>
                  <a:solidFill>
                    <a:schemeClr val="accent1">
                      <a:lumMod val="75000"/>
                    </a:schemeClr>
                  </a:solidFill>
                </a:rPr>
                <a:t>Administration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0C9190F6-0696-493F-9560-2A867A40A5E7}"/>
                </a:ext>
              </a:extLst>
            </p:cNvPr>
            <p:cNvSpPr txBox="1"/>
            <p:nvPr/>
          </p:nvSpPr>
          <p:spPr>
            <a:xfrm>
              <a:off x="6188379" y="3729400"/>
              <a:ext cx="1782608" cy="3337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>
                  <a:solidFill>
                    <a:schemeClr val="accent1">
                      <a:lumMod val="75000"/>
                    </a:schemeClr>
                  </a:solidFill>
                </a:rPr>
                <a:t>Interpret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2115454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Wave 10">
            <a:extLst>
              <a:ext uri="{FF2B5EF4-FFF2-40B4-BE49-F238E27FC236}">
                <a16:creationId xmlns:a16="http://schemas.microsoft.com/office/drawing/2014/main" id="{55B0629E-9D2A-4AFF-9422-770555442096}"/>
              </a:ext>
            </a:extLst>
          </p:cNvPr>
          <p:cNvSpPr/>
          <p:nvPr/>
        </p:nvSpPr>
        <p:spPr>
          <a:xfrm>
            <a:off x="628650" y="-100847"/>
            <a:ext cx="5941483" cy="1295512"/>
          </a:xfrm>
          <a:prstGeom prst="wav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736737E-0329-4712-B84E-45CAED19B5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7117" y="-130898"/>
            <a:ext cx="6316630" cy="1325563"/>
          </a:xfrm>
        </p:spPr>
        <p:txBody>
          <a:bodyPr/>
          <a:lstStyle/>
          <a:p>
            <a:r>
              <a:rPr lang="en-US" dirty="0">
                <a:solidFill>
                  <a:schemeClr val="bg1">
                    <a:lumMod val="95000"/>
                  </a:schemeClr>
                </a:solidFill>
              </a:rPr>
              <a:t>Let's Get Starte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02870C-44B1-4566-BBCB-00405A26061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</p:spPr>
        <p:txBody>
          <a:bodyPr/>
          <a:lstStyle/>
          <a:p>
            <a:fld id="{B8006276-4C84-4E36-BA84-044BC5B13784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493B17D-FC2C-4AAE-83F5-1932087935F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</p:spPr>
        <p:txBody>
          <a:bodyPr/>
          <a:lstStyle/>
          <a:p>
            <a:fld id="{B63E4CEF-BB1E-48C7-AE93-F39F6AA99AD7}" type="slidenum">
              <a:rPr lang="en-US" smtClean="0"/>
              <a:pPr/>
              <a:t>30</a:t>
            </a:fld>
            <a:endParaRPr lang="en-US"/>
          </a:p>
        </p:txBody>
      </p:sp>
      <p:graphicFrame>
        <p:nvGraphicFramePr>
          <p:cNvPr id="10" name="Content Placeholder 9">
            <a:extLst>
              <a:ext uri="{FF2B5EF4-FFF2-40B4-BE49-F238E27FC236}">
                <a16:creationId xmlns:a16="http://schemas.microsoft.com/office/drawing/2014/main" id="{2F7E09BD-3C0D-45F8-BF20-24E4964BE1A9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3054352" y="1481669"/>
          <a:ext cx="6453717" cy="47019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8" name="Picture 4" descr="Related image">
            <a:extLst>
              <a:ext uri="{FF2B5EF4-FFF2-40B4-BE49-F238E27FC236}">
                <a16:creationId xmlns:a16="http://schemas.microsoft.com/office/drawing/2014/main" id="{1397A180-2D9F-4C2C-85FA-CBA590F25F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9884" y="2094442"/>
            <a:ext cx="3532716" cy="3532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3409413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177313-06E6-4672-9285-DFA9F0723E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6005" y="-70429"/>
            <a:ext cx="6455664" cy="1143000"/>
          </a:xfrm>
        </p:spPr>
        <p:txBody>
          <a:bodyPr>
            <a:normAutofit fontScale="90000"/>
          </a:bodyPr>
          <a:lstStyle/>
          <a:p>
            <a:r>
              <a:rPr lang="en-US"/>
              <a:t>Georgia Online Assessment Overview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04C008D2-9C85-45A4-AB32-2E25422F17EF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3552140538"/>
              </p:ext>
            </p:extLst>
          </p:nvPr>
        </p:nvGraphicFramePr>
        <p:xfrm>
          <a:off x="116008" y="1072571"/>
          <a:ext cx="8911989" cy="462849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34714">
                  <a:extLst>
                    <a:ext uri="{9D8B030D-6E8A-4147-A177-3AD203B41FA5}">
                      <a16:colId xmlns:a16="http://schemas.microsoft.com/office/drawing/2014/main" val="959130104"/>
                    </a:ext>
                  </a:extLst>
                </a:gridCol>
                <a:gridCol w="1658113">
                  <a:extLst>
                    <a:ext uri="{9D8B030D-6E8A-4147-A177-3AD203B41FA5}">
                      <a16:colId xmlns:a16="http://schemas.microsoft.com/office/drawing/2014/main" val="2441327989"/>
                    </a:ext>
                  </a:extLst>
                </a:gridCol>
                <a:gridCol w="1475231">
                  <a:extLst>
                    <a:ext uri="{9D8B030D-6E8A-4147-A177-3AD203B41FA5}">
                      <a16:colId xmlns:a16="http://schemas.microsoft.com/office/drawing/2014/main" val="2269875232"/>
                    </a:ext>
                  </a:extLst>
                </a:gridCol>
                <a:gridCol w="1572768">
                  <a:extLst>
                    <a:ext uri="{9D8B030D-6E8A-4147-A177-3AD203B41FA5}">
                      <a16:colId xmlns:a16="http://schemas.microsoft.com/office/drawing/2014/main" val="3290342328"/>
                    </a:ext>
                  </a:extLst>
                </a:gridCol>
                <a:gridCol w="2371163">
                  <a:extLst>
                    <a:ext uri="{9D8B030D-6E8A-4147-A177-3AD203B41FA5}">
                      <a16:colId xmlns:a16="http://schemas.microsoft.com/office/drawing/2014/main" val="4190757954"/>
                    </a:ext>
                  </a:extLst>
                </a:gridCol>
              </a:tblGrid>
              <a:tr h="819041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Vend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Management Syste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Local Content Cachin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Response Sourc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29800365"/>
                  </a:ext>
                </a:extLst>
              </a:tr>
              <a:tr h="616021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CCESS for ELLs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WIDA/DR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WIDA AMS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Central Office Services</a:t>
                      </a:r>
                      <a:r>
                        <a:rPr lang="en-US" sz="1600" baseline="30000"/>
                        <a:t>*</a:t>
                      </a:r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tudent login to INSIGHT</a:t>
                      </a:r>
                      <a:r>
                        <a:rPr lang="en-US" sz="1600" baseline="30000"/>
                        <a:t>*</a:t>
                      </a:r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97768532"/>
                  </a:ext>
                </a:extLst>
              </a:tr>
              <a:tr h="57302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Mileston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DR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err="1"/>
                        <a:t>eDIRECT</a:t>
                      </a:r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Central Office Services</a:t>
                      </a:r>
                      <a:r>
                        <a:rPr lang="en-US" sz="1600" baseline="30000"/>
                        <a:t>*</a:t>
                      </a:r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tudent login to INSIGHT</a:t>
                      </a:r>
                      <a:r>
                        <a:rPr lang="en-US" sz="1600" baseline="30000"/>
                        <a:t>*</a:t>
                      </a:r>
                      <a:r>
                        <a:rPr lang="en-US" sz="1600"/>
                        <a:t>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35077872"/>
                  </a:ext>
                </a:extLst>
              </a:tr>
              <a:tr h="57912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Alternate Assessment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Quest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err="1"/>
                        <a:t>Nextera</a:t>
                      </a:r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eacher through websit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38212587"/>
                  </a:ext>
                </a:extLst>
              </a:tr>
              <a:tr h="707136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KI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Center for 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KIDS Data Entry and Reporting Websi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Teacher through websit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4734349"/>
                  </a:ext>
                </a:extLst>
              </a:tr>
              <a:tr h="38927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NAE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NC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tudent login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32939117"/>
                  </a:ext>
                </a:extLst>
              </a:tr>
              <a:tr h="57636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Keenvill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Center for 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L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tudent login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3926552"/>
                  </a:ext>
                </a:extLst>
              </a:tr>
            </a:tbl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373821-8D90-473C-956A-3C9C7C164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774912-5A14-44F1-A274-294107DD5035}" type="datetime1">
              <a:rPr lang="en-US" smtClean="0"/>
              <a:t>9/4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AE8C8-4A46-4A7F-9157-556910D448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1</a:t>
            </a:fld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AC6FC02-F5E9-45BE-8C4F-F75D5300463A}"/>
              </a:ext>
            </a:extLst>
          </p:cNvPr>
          <p:cNvSpPr txBox="1"/>
          <p:nvPr/>
        </p:nvSpPr>
        <p:spPr>
          <a:xfrm>
            <a:off x="116005" y="5866223"/>
            <a:ext cx="41506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aseline="30000"/>
              <a:t>*</a:t>
            </a:r>
            <a:r>
              <a:rPr lang="en-US"/>
              <a:t>Software installation required</a:t>
            </a:r>
            <a:endParaRPr lang="en-US" baseline="30000"/>
          </a:p>
        </p:txBody>
      </p:sp>
    </p:spTree>
    <p:extLst>
      <p:ext uri="{BB962C8B-B14F-4D97-AF65-F5344CB8AC3E}">
        <p14:creationId xmlns:p14="http://schemas.microsoft.com/office/powerpoint/2010/main" val="69130577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4430" y="11916"/>
            <a:ext cx="6571481" cy="1531501"/>
          </a:xfrm>
        </p:spPr>
        <p:txBody>
          <a:bodyPr>
            <a:normAutofit fontScale="90000"/>
          </a:bodyPr>
          <a:lstStyle/>
          <a:p>
            <a:r>
              <a:rPr lang="en-US" dirty="0"/>
              <a:t>OS Breakdown Spring 2017-18 Milestones</a:t>
            </a:r>
            <a:br>
              <a:rPr lang="en-US" dirty="0"/>
            </a:br>
            <a:r>
              <a:rPr lang="en-US" dirty="0"/>
              <a:t>EOG and EOC</a:t>
            </a:r>
          </a:p>
        </p:txBody>
      </p:sp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05592533"/>
              </p:ext>
            </p:extLst>
          </p:nvPr>
        </p:nvGraphicFramePr>
        <p:xfrm>
          <a:off x="191269" y="1327355"/>
          <a:ext cx="9119881" cy="482979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F4D45C-D084-4D11-9D29-8E52DDE45C1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18017A8-9491-4E35-A2D2-94BA7673F6BA}" type="datetime1">
              <a:rPr lang="en-US" smtClean="0"/>
              <a:t>9/4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09B334-99AE-4092-AFB3-B80BE940EDB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42327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/>
          <p:cNvSpPr/>
          <p:nvPr/>
        </p:nvSpPr>
        <p:spPr>
          <a:xfrm>
            <a:off x="402429" y="1924779"/>
            <a:ext cx="8112921" cy="43088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spcAft>
                <a:spcPct val="15000"/>
              </a:spcAft>
              <a:buClr>
                <a:srgbClr val="4F91CD"/>
              </a:buClr>
            </a:pPr>
            <a:r>
              <a:rPr lang="en-US" sz="2200">
                <a:solidFill>
                  <a:srgbClr val="000000"/>
                </a:solidFill>
              </a:rPr>
              <a:t>“Tech Readiness” encompasses more than just technology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ite Technology Readiness Scope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573609"/>
            <a:ext cx="9144000" cy="296637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578608"/>
            <a:ext cx="9144000" cy="3050316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8E104BB-960D-46EE-A77E-1C235F465BB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7B30633-DC4A-4E6C-89CE-B98050938ED5}" type="datetime1">
              <a:rPr lang="en-US" smtClean="0"/>
              <a:t>9/4/2018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B0C1EC8-1A38-498B-8027-88A0F17DB0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2777079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81673EB-5A49-4280-8865-548F78AA26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Things to consider for Testing and Technolog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1F965F-B454-4783-9231-C316D10B9C8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/>
              <a:t>System Requirements for testing program</a:t>
            </a:r>
          </a:p>
          <a:p>
            <a:r>
              <a:rPr lang="en-US"/>
              <a:t>Devices for testing</a:t>
            </a:r>
          </a:p>
          <a:p>
            <a:pPr lvl="1"/>
            <a:r>
              <a:rPr lang="en-US"/>
              <a:t>Numbers</a:t>
            </a:r>
          </a:p>
          <a:p>
            <a:pPr lvl="1"/>
            <a:r>
              <a:rPr lang="en-US"/>
              <a:t>Accessories</a:t>
            </a:r>
          </a:p>
          <a:p>
            <a:pPr lvl="1"/>
            <a:r>
              <a:rPr lang="en-US"/>
              <a:t>Security</a:t>
            </a:r>
          </a:p>
          <a:p>
            <a:pPr lvl="1"/>
            <a:r>
              <a:rPr lang="en-US"/>
              <a:t>Requirements for students with accommodations</a:t>
            </a:r>
          </a:p>
          <a:p>
            <a:r>
              <a:rPr lang="en-US"/>
              <a:t>Servers for testing</a:t>
            </a:r>
          </a:p>
          <a:p>
            <a:r>
              <a:rPr lang="en-US"/>
              <a:t>Testing locations for students</a:t>
            </a:r>
          </a:p>
          <a:p>
            <a:r>
              <a:rPr lang="en-US"/>
              <a:t>Peak testing windows and times (</a:t>
            </a:r>
            <a:r>
              <a:rPr lang="en-US" i="1"/>
              <a:t>share the testing schedule to include dates and number of students</a:t>
            </a:r>
            <a:r>
              <a:rPr lang="en-US"/>
              <a:t>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B1DB0A-F024-4705-8371-AE672EC7272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4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96E09-F212-4A59-BD90-8C6013D92F5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3D08855-D7E2-4846-9B67-D440A0008B7B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154314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1CB3A6-FC69-4031-880B-E7E41B9643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Keeping Students Connect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0EEF443-404A-4860-B7A6-DC9C493F008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3984" y="1659581"/>
            <a:ext cx="7886700" cy="4351338"/>
          </a:xfrm>
        </p:spPr>
        <p:txBody>
          <a:bodyPr>
            <a:normAutofit fontScale="92500"/>
          </a:bodyPr>
          <a:lstStyle/>
          <a:p>
            <a:r>
              <a:rPr lang="en-US"/>
              <a:t>Bandwidth </a:t>
            </a:r>
          </a:p>
          <a:p>
            <a:pPr lvl="1"/>
            <a:r>
              <a:rPr lang="en-US"/>
              <a:t>District bandwidth</a:t>
            </a:r>
          </a:p>
          <a:p>
            <a:pPr lvl="1"/>
            <a:r>
              <a:rPr lang="en-US"/>
              <a:t>School bandwidth</a:t>
            </a:r>
          </a:p>
          <a:p>
            <a:pPr lvl="1"/>
            <a:r>
              <a:rPr lang="en-US"/>
              <a:t>Wireless Access Points</a:t>
            </a:r>
          </a:p>
          <a:p>
            <a:r>
              <a:rPr lang="en-US"/>
              <a:t>Competing for bandwidth</a:t>
            </a:r>
          </a:p>
          <a:p>
            <a:pPr lvl="1"/>
            <a:r>
              <a:rPr lang="en-US"/>
              <a:t>Bandwidth hogs such as videos, music, streaming services</a:t>
            </a:r>
          </a:p>
          <a:p>
            <a:pPr lvl="1"/>
            <a:r>
              <a:rPr lang="en-US"/>
              <a:t>Other devices (tablets, computers, phones, etc.)</a:t>
            </a:r>
          </a:p>
          <a:p>
            <a:pPr lvl="1"/>
            <a:r>
              <a:rPr lang="en-US"/>
              <a:t>Guest/Open access</a:t>
            </a:r>
          </a:p>
          <a:p>
            <a:pPr lvl="1"/>
            <a:r>
              <a:rPr lang="en-US"/>
              <a:t>Other district activities</a:t>
            </a:r>
          </a:p>
          <a:p>
            <a:r>
              <a:rPr lang="en-US"/>
              <a:t>District Filters, Firewalls</a:t>
            </a:r>
            <a:r>
              <a:rPr lang="en-US" dirty="0"/>
              <a:t>,</a:t>
            </a:r>
            <a:r>
              <a:rPr lang="en-US"/>
              <a:t> and Proxy Servers</a:t>
            </a:r>
          </a:p>
          <a:p>
            <a:pPr lvl="1"/>
            <a:r>
              <a:rPr lang="en-US"/>
              <a:t>Don’t forget to Whitelist UR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122C2-F94C-4459-ABDD-3F512D0F0B0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5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8CFBBD-5640-4AB1-9EED-BFF2CBB407D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6B912E3-C941-424D-8090-27E027D48AF2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360348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2E619-A009-4025-83E1-8EA6149809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ireless Considera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8E99A4-A109-44E3-BF3F-74341A2EF8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/>
              <a:t>If the site is using wireless connectivity, </a:t>
            </a:r>
            <a:r>
              <a:rPr lang="en-US" dirty="0"/>
              <a:t>the Technology </a:t>
            </a:r>
            <a:r>
              <a:rPr lang="en-US"/>
              <a:t>team should complete a wireless site survey to assess sufficient wireless coverage in testing areas. The areas to review in this survey include:</a:t>
            </a:r>
          </a:p>
          <a:p>
            <a:pPr lvl="1"/>
            <a:r>
              <a:rPr lang="en-US"/>
              <a:t>Device Density</a:t>
            </a:r>
            <a:endParaRPr lang="en-US" dirty="0"/>
          </a:p>
          <a:p>
            <a:pPr lvl="1"/>
            <a:r>
              <a:rPr lang="en-US"/>
              <a:t>Radio Frequency Interference</a:t>
            </a:r>
            <a:endParaRPr lang="en-US" dirty="0"/>
          </a:p>
          <a:p>
            <a:pPr lvl="1"/>
            <a:r>
              <a:rPr lang="en-US"/>
              <a:t>Connection Consistency</a:t>
            </a:r>
            <a:endParaRPr lang="en-US" dirty="0"/>
          </a:p>
          <a:p>
            <a:pPr lvl="1"/>
            <a:r>
              <a:rPr lang="en-US"/>
              <a:t>2.4 GHz vs. 5 GHz Bands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304CDB-387F-41A5-ADE0-54CFE11473E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09D37C2-31FC-4399-B467-B4F3339B569E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2BA7199-834A-466F-A9B5-984A2D0346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376564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382F48-92DA-4EFB-9247-1D5518C606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Network Considera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0FB2CF0-2332-44CF-8774-59515AFCD4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Understand that connection</a:t>
            </a:r>
            <a:r>
              <a:rPr lang="en-US"/>
              <a:t> and bandwidth requirements are typically greatest at the beginning of the test.</a:t>
            </a:r>
          </a:p>
          <a:p>
            <a:r>
              <a:rPr lang="en-US" dirty="0"/>
              <a:t>Ensure </a:t>
            </a:r>
            <a:r>
              <a:rPr lang="en-US"/>
              <a:t>the firewall and filters on the computer network are configured correctly.</a:t>
            </a:r>
          </a:p>
          <a:p>
            <a:r>
              <a:rPr lang="en-US"/>
              <a:t>Verify that there is available capacity for the number of students taking the test at the same time. </a:t>
            </a:r>
          </a:p>
          <a:p>
            <a:r>
              <a:rPr lang="en-US"/>
              <a:t>Take into account competing network bandwidth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510486-BB2F-4784-BE3E-3A3BD0C2CBB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550B282-4C5F-44A5-9911-502324DDCE64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8967091-F590-4036-B8DF-848C0B2C32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5512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 txBox="1">
            <a:spLocks/>
          </p:cNvSpPr>
          <p:nvPr/>
        </p:nvSpPr>
        <p:spPr>
          <a:xfrm>
            <a:off x="6096000" y="1529145"/>
            <a:ext cx="2667000" cy="4516755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3200">
                <a:solidFill>
                  <a:schemeClr val="tx1"/>
                </a:solidFill>
                <a:uFillTx/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800">
                <a:solidFill>
                  <a:schemeClr val="tx1"/>
                </a:solidFill>
                <a:uFillTx/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uFillTx/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uFillTx/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9pPr>
          </a:lstStyle>
          <a:p>
            <a:pPr marL="0" lvl="1" indent="0">
              <a:spcBef>
                <a:spcPts val="0"/>
              </a:spcBef>
              <a:spcAft>
                <a:spcPts val="1200"/>
              </a:spcAft>
              <a:buClr>
                <a:srgbClr val="4F91CD"/>
              </a:buClr>
              <a:buSzPct val="90000"/>
              <a:buNone/>
              <a:defRPr>
                <a:uFillTx/>
              </a:defRPr>
            </a:pPr>
            <a:r>
              <a:rPr lang="en-US" sz="2200" dirty="0">
                <a:ea typeface="Calibri" panose="020F0502020204030204" pitchFamily="34" charset="0"/>
                <a:cs typeface="Times New Roman" panose="02020603050405020304" pitchFamily="18" charset="0"/>
              </a:rPr>
              <a:t>Helps test sites plan for testing by factoring in the site’s unique network variables and showing how they can impact performance</a:t>
            </a:r>
          </a:p>
          <a:p>
            <a:pPr marL="0" lvl="1" indent="0">
              <a:spcBef>
                <a:spcPts val="0"/>
              </a:spcBef>
              <a:spcAft>
                <a:spcPts val="1200"/>
              </a:spcAft>
              <a:buClr>
                <a:srgbClr val="4F91CD"/>
              </a:buClr>
              <a:buSzPct val="90000"/>
              <a:buNone/>
              <a:defRPr>
                <a:uFillTx/>
              </a:defRPr>
            </a:pPr>
            <a:endParaRPr lang="en-US" sz="2200" kern="0" dirty="0">
              <a:cs typeface="Times New Roman" panose="02020603050405020304" pitchFamily="18" charset="0"/>
            </a:endParaRPr>
          </a:p>
          <a:p>
            <a:pPr marL="0" lvl="1" indent="0">
              <a:spcBef>
                <a:spcPts val="0"/>
              </a:spcBef>
              <a:spcAft>
                <a:spcPts val="1200"/>
              </a:spcAft>
              <a:buClr>
                <a:srgbClr val="4F91CD"/>
              </a:buClr>
              <a:buSzPct val="90000"/>
              <a:buNone/>
              <a:defRPr>
                <a:uFillTx/>
              </a:defRPr>
            </a:pPr>
            <a:r>
              <a:rPr lang="en-US" sz="2200" kern="0" dirty="0">
                <a:solidFill>
                  <a:srgbClr val="FF0000"/>
                </a:solidFill>
                <a:cs typeface="Times New Roman" panose="02020603050405020304" pitchFamily="18" charset="0"/>
              </a:rPr>
              <a:t>Enhancement planned for Fall 2018 to add TTS and VSL</a:t>
            </a:r>
            <a:endParaRPr lang="en-US" sz="2200" kern="0" dirty="0">
              <a:solidFill>
                <a:srgbClr val="FF0000"/>
              </a:solidFill>
            </a:endParaRPr>
          </a:p>
        </p:txBody>
      </p:sp>
      <p:pic>
        <p:nvPicPr>
          <p:cNvPr id="8" name="Picture 7"/>
          <p:cNvPicPr/>
          <p:nvPr/>
        </p:nvPicPr>
        <p:blipFill>
          <a:blip r:embed="rId3"/>
          <a:stretch>
            <a:fillRect/>
          </a:stretch>
        </p:blipFill>
        <p:spPr>
          <a:xfrm>
            <a:off x="393383" y="1529145"/>
            <a:ext cx="5486400" cy="4572000"/>
          </a:xfrm>
          <a:prstGeom prst="rect">
            <a:avLst/>
          </a:prstGeom>
          <a:effectLst>
            <a:outerShdw blurRad="127000" dist="1270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3383" y="408436"/>
            <a:ext cx="6429829" cy="600075"/>
          </a:xfrm>
        </p:spPr>
        <p:txBody>
          <a:bodyPr>
            <a:normAutofit/>
          </a:bodyPr>
          <a:lstStyle/>
          <a:p>
            <a:r>
              <a:rPr lang="en-US" sz="3200">
                <a:solidFill>
                  <a:srgbClr val="0000FF"/>
                </a:solidFill>
                <a:latin typeface="Arial Rounded MT Bold" panose="020F0704030504030204" pitchFamily="34" charset="0"/>
              </a:rPr>
              <a:t>Milestones Capacity Estimator</a:t>
            </a:r>
          </a:p>
        </p:txBody>
      </p:sp>
    </p:spTree>
    <p:extLst>
      <p:ext uri="{BB962C8B-B14F-4D97-AF65-F5344CB8AC3E}">
        <p14:creationId xmlns:p14="http://schemas.microsoft.com/office/powerpoint/2010/main" val="3997294606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 txBox="1">
            <a:spLocks/>
          </p:cNvSpPr>
          <p:nvPr/>
        </p:nvSpPr>
        <p:spPr>
          <a:xfrm>
            <a:off x="6096000" y="1529145"/>
            <a:ext cx="2667000" cy="4516755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3200">
                <a:solidFill>
                  <a:schemeClr val="tx1"/>
                </a:solidFill>
                <a:uFillTx/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800">
                <a:solidFill>
                  <a:schemeClr val="tx1"/>
                </a:solidFill>
                <a:uFillTx/>
                <a:latin typeface="+mn-lt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uFillTx/>
                <a:latin typeface="+mn-lt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uFillTx/>
                <a:latin typeface="+mn-lt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uFillTx/>
                <a:latin typeface="+mn-lt"/>
              </a:defRPr>
            </a:lvl9pPr>
          </a:lstStyle>
          <a:p>
            <a:pPr marL="0" lvl="1" indent="0">
              <a:spcBef>
                <a:spcPts val="0"/>
              </a:spcBef>
              <a:spcAft>
                <a:spcPts val="1200"/>
              </a:spcAft>
              <a:buClr>
                <a:srgbClr val="4F91CD"/>
              </a:buClr>
              <a:buSzPct val="90000"/>
              <a:buNone/>
              <a:defRPr>
                <a:uFillTx/>
              </a:defRPr>
            </a:pPr>
            <a:r>
              <a:rPr lang="en-US" sz="2400" dirty="0">
                <a:ea typeface="Calibri" panose="020F0502020204030204" pitchFamily="34" charset="0"/>
                <a:cs typeface="Times New Roman" panose="02020603050405020304" pitchFamily="18" charset="0"/>
              </a:rPr>
              <a:t>Gives specific data by domain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8469" y="512062"/>
            <a:ext cx="6429829" cy="600075"/>
          </a:xfrm>
        </p:spPr>
        <p:txBody>
          <a:bodyPr/>
          <a:lstStyle/>
          <a:p>
            <a:r>
              <a:rPr lang="en-US" sz="3200">
                <a:solidFill>
                  <a:srgbClr val="0000FF"/>
                </a:solidFill>
                <a:latin typeface="Arial Rounded MT Bold" panose="020F0704030504030204" pitchFamily="34" charset="0"/>
              </a:rPr>
              <a:t>ELL Capacity Estimator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92F4765-E7F0-4E93-BCE4-34185B3A79E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8468" y="1529147"/>
            <a:ext cx="5486400" cy="44708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825209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2119" y="1951803"/>
            <a:ext cx="7020706" cy="1325563"/>
          </a:xfrm>
        </p:spPr>
        <p:txBody>
          <a:bodyPr/>
          <a:lstStyle/>
          <a:p>
            <a:r>
              <a:rPr lang="en-US"/>
              <a:t>Calendar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13043" y="2395985"/>
            <a:ext cx="3178766" cy="3174822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BBDF0C-125D-4A23-99AB-B406F830B28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A809E3C-E5B3-4C8A-B0C5-F48733ED1406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380306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6EEC3E-0C2F-42E8-8419-16E4D27A65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4599" y="795339"/>
            <a:ext cx="7886700" cy="3768194"/>
          </a:xfrm>
        </p:spPr>
        <p:txBody>
          <a:bodyPr>
            <a:normAutofit/>
          </a:bodyPr>
          <a:lstStyle/>
          <a:p>
            <a:r>
              <a:rPr lang="en-US"/>
              <a:t>Central Office Services (COS)</a:t>
            </a:r>
            <a:br>
              <a:rPr lang="en-US"/>
            </a:br>
            <a:r>
              <a:rPr lang="en-US"/>
              <a:t>	</a:t>
            </a:r>
            <a:r>
              <a:rPr lang="en-US" sz="3200"/>
              <a:t>Georgia Milestones Assessments</a:t>
            </a:r>
            <a:br>
              <a:rPr lang="en-US" sz="3200"/>
            </a:br>
            <a:r>
              <a:rPr lang="en-US" sz="3200"/>
              <a:t>	ACCESS for ELLS 2.0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79BDD1-0B8C-4518-86BD-FC0A91E91A4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3A6F036-926F-4263-A9BB-DE6E5593021B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2F29FFB-352F-4FF0-B1B0-01EC8DCE3DB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6093140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D8BDA9-3D7D-4EB2-AD08-B0E74F64A5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9184" y="18255"/>
            <a:ext cx="6316630" cy="1325563"/>
          </a:xfrm>
        </p:spPr>
        <p:txBody>
          <a:bodyPr/>
          <a:lstStyle/>
          <a:p>
            <a:r>
              <a:rPr lang="en-US"/>
              <a:t>Benefits of COS Service Devi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693890-AF8B-42DE-8E04-4FB2550F56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3363" y="1674416"/>
            <a:ext cx="7886700" cy="4351338"/>
          </a:xfrm>
        </p:spPr>
        <p:txBody>
          <a:bodyPr>
            <a:noAutofit/>
          </a:bodyPr>
          <a:lstStyle/>
          <a:p>
            <a:r>
              <a:rPr lang="en-US" sz="2000" dirty="0"/>
              <a:t>Creating separate features, referred to as Content Management and Content Hosting, allows for additional flexibility.</a:t>
            </a:r>
          </a:p>
          <a:p>
            <a:pPr lvl="1"/>
            <a:r>
              <a:rPr lang="en-US" sz="1800" dirty="0"/>
              <a:t>Download only the content appropriate for a specific testing site.</a:t>
            </a:r>
          </a:p>
          <a:p>
            <a:pPr lvl="1"/>
            <a:r>
              <a:rPr lang="en-US" sz="1800" dirty="0"/>
              <a:t>Download content once for use by multiple COS Service Devices.</a:t>
            </a:r>
          </a:p>
          <a:p>
            <a:r>
              <a:rPr lang="en-US" sz="2000" dirty="0"/>
              <a:t>More testing devices supported per service device without manipulating settings on machine</a:t>
            </a:r>
          </a:p>
          <a:p>
            <a:pPr lvl="1"/>
            <a:r>
              <a:rPr lang="en-US" sz="1800" dirty="0"/>
              <a:t>500 testing devices per TSM</a:t>
            </a:r>
          </a:p>
          <a:p>
            <a:pPr lvl="1"/>
            <a:r>
              <a:rPr lang="en-US" sz="1800" dirty="0"/>
              <a:t>900+ testing devices per COS Service Device</a:t>
            </a:r>
          </a:p>
          <a:p>
            <a:r>
              <a:rPr lang="en-US" sz="2000" dirty="0"/>
              <a:t>All configuration and management of COS Service Devices completed in the COS-DTK page in eDIRECT</a:t>
            </a:r>
          </a:p>
          <a:p>
            <a:r>
              <a:rPr lang="en-US" sz="2000" dirty="0"/>
              <a:t>Ability to manage multiple testing programs on a single device.</a:t>
            </a:r>
          </a:p>
          <a:p>
            <a:pPr lvl="1"/>
            <a:r>
              <a:rPr lang="en-US" sz="1800" dirty="0"/>
              <a:t>Can support Georgia Milestones and WIDA ACCESS on the same device</a:t>
            </a:r>
          </a:p>
          <a:p>
            <a:r>
              <a:rPr lang="en-US" sz="2000" dirty="0"/>
              <a:t>Supports silent installation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7EF39F-6379-4050-8205-AD5A7AB4F12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6331253-BC25-4843-B168-90BA42F10136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783615-070E-40C5-96E8-5F23D9F7097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539111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1CB3A6-FC69-4031-880B-E7E41B9643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Keeping Students Connected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122C2-F94C-4459-ABDD-3F512D0F0B0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2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DB05DE-F9EF-4F09-9418-E5E53830425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FF184E9-0ABB-4BE3-A172-DA3DD3DAEA47}" type="datetime1">
              <a:rPr lang="en-US" smtClean="0"/>
              <a:t>9/4/2018</a:t>
            </a:fld>
            <a:endParaRPr lang="en-US"/>
          </a:p>
        </p:txBody>
      </p:sp>
      <p:pic>
        <p:nvPicPr>
          <p:cNvPr id="7" name="Picture 2" descr="A close up of a map&#10;&#10;Description generated with high confidence">
            <a:extLst>
              <a:ext uri="{FF2B5EF4-FFF2-40B4-BE49-F238E27FC236}">
                <a16:creationId xmlns:a16="http://schemas.microsoft.com/office/drawing/2014/main" id="{4071D1AF-0F73-4F28-B718-3F83CB67106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31002"/>
          <a:stretch/>
        </p:blipFill>
        <p:spPr>
          <a:xfrm>
            <a:off x="0" y="2010879"/>
            <a:ext cx="8705840" cy="383676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F50C9282-8236-4517-8C61-6EC6D526D9AC}"/>
              </a:ext>
            </a:extLst>
          </p:cNvPr>
          <p:cNvSpPr txBox="1"/>
          <p:nvPr/>
        </p:nvSpPr>
        <p:spPr>
          <a:xfrm>
            <a:off x="2514600" y="5650321"/>
            <a:ext cx="2057400" cy="369332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/>
              <a:t>Enhanced Retries</a:t>
            </a:r>
          </a:p>
        </p:txBody>
      </p:sp>
    </p:spTree>
    <p:extLst>
      <p:ext uri="{BB962C8B-B14F-4D97-AF65-F5344CB8AC3E}">
        <p14:creationId xmlns:p14="http://schemas.microsoft.com/office/powerpoint/2010/main" val="1927279261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6947" y="2981739"/>
            <a:ext cx="8316566" cy="3195224"/>
          </a:xfrm>
        </p:spPr>
        <p:txBody>
          <a:bodyPr>
            <a:normAutofit fontScale="92500" lnSpcReduction="10000"/>
          </a:bodyPr>
          <a:lstStyle/>
          <a:p>
            <a:r>
              <a:rPr lang="en-US" dirty="0"/>
              <a:t>Tech Directors can use the dashboard to </a:t>
            </a:r>
            <a:r>
              <a:rPr lang="en-US"/>
              <a:t>monitor district-wide </a:t>
            </a:r>
            <a:r>
              <a:rPr lang="en-US" dirty="0"/>
              <a:t>testing from one location.</a:t>
            </a:r>
          </a:p>
          <a:p>
            <a:r>
              <a:rPr lang="en-US" dirty="0"/>
              <a:t>Also accessible to the System Testing Coordinator</a:t>
            </a:r>
          </a:p>
          <a:p>
            <a:r>
              <a:rPr lang="en-US"/>
              <a:t>Next </a:t>
            </a:r>
            <a:r>
              <a:rPr lang="en-US" dirty="0"/>
              <a:t>training </a:t>
            </a:r>
            <a:r>
              <a:rPr lang="en-US"/>
              <a:t>for </a:t>
            </a:r>
            <a:r>
              <a:rPr lang="en-US" dirty="0"/>
              <a:t>COS installation and setup is September 25 and 27</a:t>
            </a:r>
          </a:p>
          <a:p>
            <a:r>
              <a:rPr lang="en-US" dirty="0"/>
              <a:t>Milestones and WIDA content can be managed from one location</a:t>
            </a:r>
          </a:p>
          <a:p>
            <a:r>
              <a:rPr lang="en-US"/>
              <a:t>Separates </a:t>
            </a:r>
            <a:r>
              <a:rPr lang="en-US" dirty="0"/>
              <a:t>content management and </a:t>
            </a:r>
            <a:r>
              <a:rPr lang="en-US"/>
              <a:t>content hosting</a:t>
            </a:r>
            <a:r>
              <a:rPr lang="en-US" dirty="0"/>
              <a:t>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C19A781-D054-4716-A7DB-09E97C0207D5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3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DC84FB0-608F-4083-BCC7-252DF4E8CE4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13864"/>
            <a:ext cx="8850461" cy="984274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B93BCD95-EB1A-4E8A-8DFB-F9B083871696}"/>
              </a:ext>
            </a:extLst>
          </p:cNvPr>
          <p:cNvSpPr/>
          <p:nvPr/>
        </p:nvSpPr>
        <p:spPr>
          <a:xfrm>
            <a:off x="5456109" y="2266607"/>
            <a:ext cx="1722783" cy="41695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84330D0-C9B9-4B6F-980B-6CCD665345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1320" y="0"/>
            <a:ext cx="6316630" cy="1325563"/>
          </a:xfrm>
        </p:spPr>
        <p:txBody>
          <a:bodyPr/>
          <a:lstStyle/>
          <a:p>
            <a:r>
              <a:rPr lang="en-US" dirty="0"/>
              <a:t>Accessing the COS Dashboard</a:t>
            </a:r>
          </a:p>
        </p:txBody>
      </p:sp>
    </p:spTree>
    <p:extLst>
      <p:ext uri="{BB962C8B-B14F-4D97-AF65-F5344CB8AC3E}">
        <p14:creationId xmlns:p14="http://schemas.microsoft.com/office/powerpoint/2010/main" val="4079344202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AF781-A251-4EB1-A9C5-189F756754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213080"/>
            <a:ext cx="6331007" cy="894243"/>
          </a:xfrm>
        </p:spPr>
        <p:txBody>
          <a:bodyPr/>
          <a:lstStyle/>
          <a:p>
            <a:r>
              <a:rPr lang="en-US" dirty="0"/>
              <a:t>COS-DTK Dashboar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72CF8C-EEAF-45CC-A424-462DEFE545F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BA03E5F-8A59-483D-861D-41C507D1449A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C4ED4C-0EAE-4A63-88D1-61928F465FF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4</a:t>
            </a:fld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354BF5D-B182-4EFA-8B4C-7EB6BA90292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461422"/>
            <a:ext cx="6117718" cy="2888554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77E57F4-5E66-4ABF-8A6D-236FC09D7D3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493" y="470387"/>
            <a:ext cx="5261113" cy="181515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DFC2B75-320F-499C-98CA-17D6D3EF0EF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04343" y="4036309"/>
            <a:ext cx="5239657" cy="202889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3D7FF719-62BD-4C7C-B3E2-D04D73BFBA25}"/>
              </a:ext>
            </a:extLst>
          </p:cNvPr>
          <p:cNvSpPr txBox="1"/>
          <p:nvPr/>
        </p:nvSpPr>
        <p:spPr>
          <a:xfrm>
            <a:off x="5571796" y="2654261"/>
            <a:ext cx="1518421" cy="954107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dirty="0"/>
              <a:t>Setup, monitor, and configure all COS devices from one dashboard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2A44304-3A10-4194-BFC0-88F21867D9DA}"/>
              </a:ext>
            </a:extLst>
          </p:cNvPr>
          <p:cNvSpPr txBox="1"/>
          <p:nvPr/>
        </p:nvSpPr>
        <p:spPr>
          <a:xfrm>
            <a:off x="4155040" y="1269145"/>
            <a:ext cx="1518421" cy="954107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dirty="0"/>
              <a:t>WIDA and Milestones content accessible through one logi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6FAF5DD-64FD-47CD-B3F0-59528999E52E}"/>
              </a:ext>
            </a:extLst>
          </p:cNvPr>
          <p:cNvSpPr txBox="1"/>
          <p:nvPr/>
        </p:nvSpPr>
        <p:spPr>
          <a:xfrm>
            <a:off x="1846944" y="5420319"/>
            <a:ext cx="2057399" cy="954107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dirty="0"/>
              <a:t>Manage WIDA and Milestones content for each COS device in one location</a:t>
            </a:r>
          </a:p>
        </p:txBody>
      </p:sp>
    </p:spTree>
    <p:extLst>
      <p:ext uri="{BB962C8B-B14F-4D97-AF65-F5344CB8AC3E}">
        <p14:creationId xmlns:p14="http://schemas.microsoft.com/office/powerpoint/2010/main" val="539253760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4670" y="0"/>
            <a:ext cx="6316630" cy="1325563"/>
          </a:xfrm>
        </p:spPr>
        <p:txBody>
          <a:bodyPr/>
          <a:lstStyle/>
          <a:p>
            <a:r>
              <a:rPr lang="en-US" dirty="0"/>
              <a:t>Accessing the Student Status Dashboard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4472" y="3220953"/>
            <a:ext cx="7886700" cy="2461306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Available to System and </a:t>
            </a:r>
            <a:r>
              <a:rPr lang="en-US"/>
              <a:t>School Testing </a:t>
            </a:r>
            <a:r>
              <a:rPr lang="en-US" dirty="0"/>
              <a:t>Coordinators if permissions </a:t>
            </a:r>
            <a:r>
              <a:rPr lang="en-US"/>
              <a:t>are assigned</a:t>
            </a:r>
            <a:endParaRPr lang="en-US" dirty="0"/>
          </a:p>
          <a:p>
            <a:r>
              <a:rPr lang="en-US" dirty="0"/>
              <a:t>Recommend that </a:t>
            </a:r>
            <a:r>
              <a:rPr lang="en-US"/>
              <a:t>Technology Coordinator have</a:t>
            </a:r>
            <a:r>
              <a:rPr lang="en-US" dirty="0"/>
              <a:t> access to </a:t>
            </a:r>
            <a:r>
              <a:rPr lang="en-US"/>
              <a:t>facilitate </a:t>
            </a:r>
            <a:r>
              <a:rPr lang="en-US" dirty="0"/>
              <a:t>troubleshooting</a:t>
            </a:r>
          </a:p>
          <a:p>
            <a:r>
              <a:rPr lang="en-US"/>
              <a:t>Student </a:t>
            </a:r>
            <a:r>
              <a:rPr lang="en-US" dirty="0"/>
              <a:t>Status</a:t>
            </a:r>
            <a:r>
              <a:rPr lang="en-US"/>
              <a:t> tab also</a:t>
            </a:r>
            <a:r>
              <a:rPr lang="en-US" dirty="0"/>
              <a:t> lists student Not Started, </a:t>
            </a:r>
            <a:r>
              <a:rPr lang="en-US"/>
              <a:t>In Progress, and Completed; </a:t>
            </a:r>
            <a:r>
              <a:rPr lang="en-US" dirty="0"/>
              <a:t>available for export to Excel or PDF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1BC2502-75B7-4788-AA22-22E660D8D0E4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5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C024301-B94A-474C-AAC8-31F36E91F69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4670" y="1696645"/>
            <a:ext cx="8220488" cy="144569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4EC7C61B-62F3-4E24-B022-E2A593DF9ECA}"/>
              </a:ext>
            </a:extLst>
          </p:cNvPr>
          <p:cNvSpPr/>
          <p:nvPr/>
        </p:nvSpPr>
        <p:spPr>
          <a:xfrm>
            <a:off x="3318934" y="2269067"/>
            <a:ext cx="1038578" cy="270933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7CC6A1C-1D2E-456C-BCAE-0220522B6B1E}"/>
              </a:ext>
            </a:extLst>
          </p:cNvPr>
          <p:cNvSpPr/>
          <p:nvPr/>
        </p:nvSpPr>
        <p:spPr>
          <a:xfrm>
            <a:off x="2686050" y="2606601"/>
            <a:ext cx="1310217" cy="304481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4960130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12"/>
          <p:cNvSpPr txBox="1">
            <a:spLocks noChangeArrowheads="1"/>
          </p:cNvSpPr>
          <p:nvPr/>
        </p:nvSpPr>
        <p:spPr bwMode="auto">
          <a:xfrm>
            <a:off x="6017" y="65744"/>
            <a:ext cx="8192672" cy="893618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9pPr>
          </a:lstStyle>
          <a:p>
            <a:pPr algn="l" eaLnBrk="1" hangingPunct="1"/>
            <a:r>
              <a:rPr lang="en-US" sz="3600" b="1">
                <a:solidFill>
                  <a:srgbClr val="0000FF"/>
                </a:solidFill>
                <a:latin typeface="Arial Rounded MT Bold" panose="020F0704030504030204" pitchFamily="34" charset="0"/>
              </a:rPr>
              <a:t>Student Status Dashboard</a:t>
            </a:r>
          </a:p>
        </p:txBody>
      </p:sp>
      <p:sp>
        <p:nvSpPr>
          <p:cNvPr id="11" name="Slide Number Placeholder 6"/>
          <p:cNvSpPr txBox="1">
            <a:spLocks/>
          </p:cNvSpPr>
          <p:nvPr/>
        </p:nvSpPr>
        <p:spPr>
          <a:xfrm>
            <a:off x="8486775" y="6591300"/>
            <a:ext cx="657225" cy="266700"/>
          </a:xfrm>
          <a:prstGeom prst="rect">
            <a:avLst/>
          </a:prstGeom>
          <a:ln/>
        </p:spPr>
        <p:txBody>
          <a:bodyPr/>
          <a:lstStyle>
            <a:defPPr>
              <a:defRPr lang="en-US"/>
            </a:defPPr>
            <a:lvl1pPr algn="ctr" rtl="0" fontAlgn="base">
              <a:spcBef>
                <a:spcPct val="0"/>
              </a:spcBef>
              <a:spcAft>
                <a:spcPct val="0"/>
              </a:spcAft>
              <a:defRPr sz="1200" b="1" kern="1200">
                <a:solidFill>
                  <a:schemeClr val="bg1"/>
                </a:solidFill>
                <a:latin typeface="Arial Narrow" pitchFamily="34" charset="0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200" b="1" kern="1200">
                <a:solidFill>
                  <a:schemeClr val="tx1"/>
                </a:solidFill>
                <a:latin typeface="Arial Narrow" pitchFamily="34" charset="0"/>
                <a:ea typeface="+mn-ea"/>
                <a:cs typeface="+mn-cs"/>
              </a:defRPr>
            </a:lvl9pPr>
          </a:lstStyle>
          <a:p>
            <a:pPr>
              <a:defRPr/>
            </a:pPr>
            <a:fld id="{5C85FF15-2366-464F-A9D7-3AA477A532F5}" type="slidenum">
              <a:rPr lang="en-US" smtClean="0">
                <a:solidFill>
                  <a:srgbClr val="000000"/>
                </a:solidFill>
              </a:rPr>
              <a:pPr>
                <a:defRPr/>
              </a:pPr>
              <a:t>46</a:t>
            </a:fld>
            <a:endParaRPr lang="en-US">
              <a:solidFill>
                <a:srgbClr val="000000"/>
              </a:solidFill>
            </a:endParaRPr>
          </a:p>
        </p:txBody>
      </p:sp>
      <p:pic>
        <p:nvPicPr>
          <p:cNvPr id="3" name="Picture 2" descr="Screen Clippi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80" y="1387451"/>
            <a:ext cx="7320332" cy="4759349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</p:pic>
      <p:pic>
        <p:nvPicPr>
          <p:cNvPr id="2" name="Picture 1" descr="Screen Clippi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4094" y="4586728"/>
            <a:ext cx="7286386" cy="2004572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947508-57E4-42E7-802C-0A2BCFBBAA0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1AEF5209-2AEA-4B6B-830A-8A891B51E7E3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7BFAF5-D56B-49D4-9F88-5E49A6E312A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6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15D2A53-57C3-4DA6-91FE-2160333BC7C1}"/>
              </a:ext>
            </a:extLst>
          </p:cNvPr>
          <p:cNvSpPr txBox="1"/>
          <p:nvPr/>
        </p:nvSpPr>
        <p:spPr>
          <a:xfrm>
            <a:off x="6642401" y="5355407"/>
            <a:ext cx="1518421" cy="52322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dirty="0"/>
              <a:t>Detail by test session</a:t>
            </a:r>
          </a:p>
        </p:txBody>
      </p:sp>
    </p:spTree>
    <p:extLst>
      <p:ext uri="{BB962C8B-B14F-4D97-AF65-F5344CB8AC3E}">
        <p14:creationId xmlns:p14="http://schemas.microsoft.com/office/powerpoint/2010/main" val="2821189992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24902B-B025-4AEB-8C15-9E38998FAC8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3D5AF14-30E4-4C96-B687-7A67FBBCB8B7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C8B4AA6-A5A9-45EA-BC7B-AE41E89216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7</a:t>
            </a:fld>
            <a:endParaRPr lang="en-US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B2D8D146-8CB5-4EFC-B7C7-56BF0990746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85961147"/>
              </p:ext>
            </p:extLst>
          </p:nvPr>
        </p:nvGraphicFramePr>
        <p:xfrm>
          <a:off x="0" y="1343228"/>
          <a:ext cx="9144000" cy="5013125"/>
        </p:xfrm>
        <a:graphic>
          <a:graphicData uri="http://schemas.openxmlformats.org/drawingml/2006/table">
            <a:tbl>
              <a:tblPr firstRow="1" bandRow="1">
                <a:tableStyleId>{8799B23B-EC83-4686-B30A-512413B5E67A}</a:tableStyleId>
              </a:tblPr>
              <a:tblGrid>
                <a:gridCol w="3457504">
                  <a:extLst>
                    <a:ext uri="{9D8B030D-6E8A-4147-A177-3AD203B41FA5}">
                      <a16:colId xmlns:a16="http://schemas.microsoft.com/office/drawing/2014/main" val="3584866866"/>
                    </a:ext>
                  </a:extLst>
                </a:gridCol>
                <a:gridCol w="1190411">
                  <a:extLst>
                    <a:ext uri="{9D8B030D-6E8A-4147-A177-3AD203B41FA5}">
                      <a16:colId xmlns:a16="http://schemas.microsoft.com/office/drawing/2014/main" val="4157428351"/>
                    </a:ext>
                  </a:extLst>
                </a:gridCol>
                <a:gridCol w="4496085">
                  <a:extLst>
                    <a:ext uri="{9D8B030D-6E8A-4147-A177-3AD203B41FA5}">
                      <a16:colId xmlns:a16="http://schemas.microsoft.com/office/drawing/2014/main" val="725529799"/>
                    </a:ext>
                  </a:extLst>
                </a:gridCol>
              </a:tblGrid>
              <a:tr h="239371">
                <a:tc gridSpan="3">
                  <a:txBody>
                    <a:bodyPr/>
                    <a:lstStyle/>
                    <a:p>
                      <a:pPr algn="ctr"/>
                      <a:r>
                        <a:rPr lang="en-US" sz="1200" b="1"/>
                        <a:t>Georgia’s Top 10 Customer Service Tickets Spring 2018</a:t>
                      </a:r>
                      <a:endParaRPr lang="en-US" sz="1200" dirty="0"/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050" b="1"/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050" b="1"/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38348652"/>
                  </a:ext>
                </a:extLst>
              </a:tr>
              <a:tr h="476354">
                <a:tc>
                  <a:txBody>
                    <a:bodyPr/>
                    <a:lstStyle/>
                    <a:p>
                      <a:pPr algn="ctr"/>
                      <a:r>
                        <a:rPr lang="en-US" sz="1200" b="1"/>
                        <a:t>Category/Subcategory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/>
                        <a:t># of Tickets</a:t>
                      </a:r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/>
                        <a:t>Examples</a:t>
                      </a:r>
                      <a:endParaRPr lang="en-US" sz="1200" b="1" dirty="0"/>
                    </a:p>
                  </a:txBody>
                  <a:tcPr marL="68580" marR="68580" marT="34290" marB="3429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6947982"/>
                  </a:ext>
                </a:extLst>
              </a:tr>
              <a:tr h="264642">
                <a:tc>
                  <a:txBody>
                    <a:bodyPr/>
                    <a:lstStyle/>
                    <a:p>
                      <a:r>
                        <a:rPr lang="en-US" sz="1200" b="0"/>
                        <a:t>Test</a:t>
                      </a:r>
                      <a:r>
                        <a:rPr lang="en-US" sz="1200" b="0" baseline="0"/>
                        <a:t> Management &gt; Active Flag</a:t>
                      </a:r>
                      <a:endParaRPr lang="en-US" sz="1200" b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0"/>
                        <a:t>1024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/>
                        <a:t>Clearing active flag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20529731"/>
                  </a:ext>
                </a:extLst>
              </a:tr>
              <a:tr h="606639">
                <a:tc>
                  <a:txBody>
                    <a:bodyPr/>
                    <a:lstStyle/>
                    <a:p>
                      <a:r>
                        <a:rPr lang="en-US" sz="1200"/>
                        <a:t>Test Management</a:t>
                      </a:r>
                      <a:r>
                        <a:rPr lang="en-US" sz="1200" baseline="0"/>
                        <a:t> &gt; </a:t>
                      </a:r>
                      <a:r>
                        <a:rPr lang="en-US" sz="1200"/>
                        <a:t>Test</a:t>
                      </a:r>
                      <a:r>
                        <a:rPr lang="en-US" sz="1200" baseline="0"/>
                        <a:t> Progress</a:t>
                      </a:r>
                      <a:endParaRPr lang="en-US" sz="12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358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as a student</a:t>
                      </a:r>
                      <a:r>
                        <a:rPr lang="en-US" sz="1200" b="0" i="0" kern="1200" baseline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pleted their test, where a student is in their test, telemetry requests, questions about certain test items/ screens.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0148411"/>
                  </a:ext>
                </a:extLst>
              </a:tr>
              <a:tr h="264642">
                <a:tc>
                  <a:txBody>
                    <a:bodyPr/>
                    <a:lstStyle/>
                    <a:p>
                      <a:r>
                        <a:rPr lang="en-US" sz="1200"/>
                        <a:t>Test Management</a:t>
                      </a:r>
                      <a:r>
                        <a:rPr lang="en-US" sz="1200" baseline="0"/>
                        <a:t> &gt; </a:t>
                      </a:r>
                      <a:r>
                        <a:rPr lang="en-US" sz="1200"/>
                        <a:t>Unlock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261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tudent's tests needing to be unlocked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90663664"/>
                  </a:ext>
                </a:extLst>
              </a:tr>
              <a:tr h="389663">
                <a:tc>
                  <a:txBody>
                    <a:bodyPr/>
                    <a:lstStyle/>
                    <a:p>
                      <a:r>
                        <a:rPr lang="en-US" sz="1200"/>
                        <a:t>Test Management</a:t>
                      </a:r>
                      <a:r>
                        <a:rPr lang="en-US" sz="1200" baseline="0"/>
                        <a:t> &gt; </a:t>
                      </a:r>
                      <a:r>
                        <a:rPr lang="en-US" sz="1200"/>
                        <a:t>Invalid Username/Password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64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Questions regarding a student's username/password,</a:t>
                      </a:r>
                      <a:r>
                        <a:rPr lang="en-US" sz="1200" b="0" i="0" kern="1200" baseline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where to login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40380738"/>
                  </a:ext>
                </a:extLst>
              </a:tr>
              <a:tr h="389663">
                <a:tc>
                  <a:txBody>
                    <a:bodyPr/>
                    <a:lstStyle/>
                    <a:p>
                      <a:r>
                        <a:rPr lang="en-US" sz="1200"/>
                        <a:t>Test Administration/Policy</a:t>
                      </a:r>
                      <a:r>
                        <a:rPr lang="en-US" sz="1200" baseline="0"/>
                        <a:t> &gt; Refer to Client/Vendor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28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tate-related </a:t>
                      </a:r>
                      <a:r>
                        <a:rPr lang="en-US" sz="1200" b="0" i="0" kern="1200" baseline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quests, students started w/o proper accommodation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01395197"/>
                  </a:ext>
                </a:extLst>
              </a:tr>
              <a:tr h="413459">
                <a:tc>
                  <a:txBody>
                    <a:bodyPr/>
                    <a:lstStyle/>
                    <a:p>
                      <a:r>
                        <a:rPr lang="en-US" sz="1200"/>
                        <a:t>Reporting &gt; Test Results/Scoring</a:t>
                      </a:r>
                      <a:r>
                        <a:rPr lang="en-US" sz="1200" baseline="0"/>
                        <a:t> - Viewing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25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howing reports, see student scores on ISRs, when do student scores come out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50587727"/>
                  </a:ext>
                </a:extLst>
              </a:tr>
              <a:tr h="492640">
                <a:tc>
                  <a:txBody>
                    <a:bodyPr/>
                    <a:lstStyle/>
                    <a:p>
                      <a:r>
                        <a:rPr lang="en-US" sz="1200"/>
                        <a:t>Regeneration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16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ituations that would require a student's test to be regenerated</a:t>
                      </a:r>
                      <a:r>
                        <a:rPr lang="en-US" sz="1200" b="0" i="0" kern="1200" baseline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&gt; student exited after only doing practice question(s)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9514188"/>
                  </a:ext>
                </a:extLst>
              </a:tr>
              <a:tr h="264642">
                <a:tc>
                  <a:txBody>
                    <a:bodyPr/>
                    <a:lstStyle/>
                    <a:p>
                      <a:r>
                        <a:rPr lang="en-US" sz="1200"/>
                        <a:t>DRC Setup/Connectivity &gt;</a:t>
                      </a:r>
                      <a:r>
                        <a:rPr lang="en-US" sz="1200" baseline="0"/>
                        <a:t> TSM Setup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12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ownloading, installing, configuring, deploying, TSM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36654422"/>
                  </a:ext>
                </a:extLst>
              </a:tr>
              <a:tr h="492640">
                <a:tc>
                  <a:txBody>
                    <a:bodyPr/>
                    <a:lstStyle/>
                    <a:p>
                      <a:r>
                        <a:rPr lang="en-US" sz="1200"/>
                        <a:t>Test Management &gt; Test Session</a:t>
                      </a:r>
                      <a:r>
                        <a:rPr lang="en-US" sz="1200" baseline="0"/>
                        <a:t> Management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09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reating test sessions, deleting test sessions, editing test sessions, adding/removing students from test sessions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21550975"/>
                  </a:ext>
                </a:extLst>
              </a:tr>
              <a:tr h="413459">
                <a:tc>
                  <a:txBody>
                    <a:bodyPr/>
                    <a:lstStyle/>
                    <a:p>
                      <a:r>
                        <a:rPr lang="en-US" sz="1200"/>
                        <a:t>Client Setup/Connectivity</a:t>
                      </a:r>
                      <a:r>
                        <a:rPr lang="en-US" sz="1200" baseline="0"/>
                        <a:t> &gt; Hardware/Firewall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/>
                        <a:t>107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i="0" kern="120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Whitelisting, turning off firewall, creating exception on firewall, DNS work</a:t>
                      </a:r>
                      <a:endParaRPr lang="en-US" sz="120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30269184"/>
                  </a:ext>
                </a:extLst>
              </a:tr>
              <a:tr h="239371">
                <a:tc>
                  <a:txBody>
                    <a:bodyPr/>
                    <a:lstStyle/>
                    <a:p>
                      <a:r>
                        <a:rPr lang="en-US" sz="1200" b="1"/>
                        <a:t>Total of Top 10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b="1"/>
                        <a:t>2504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2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12983757"/>
                  </a:ext>
                </a:extLst>
              </a:tr>
            </a:tbl>
          </a:graphicData>
        </a:graphic>
      </p:graphicFrame>
      <p:sp>
        <p:nvSpPr>
          <p:cNvPr id="7" name="Title 1">
            <a:extLst>
              <a:ext uri="{FF2B5EF4-FFF2-40B4-BE49-F238E27FC236}">
                <a16:creationId xmlns:a16="http://schemas.microsoft.com/office/drawing/2014/main" id="{C2BCD2EF-4391-4207-9CF9-EFF06679D5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4030"/>
            <a:ext cx="6592711" cy="1268365"/>
          </a:xfrm>
        </p:spPr>
        <p:txBody>
          <a:bodyPr>
            <a:noAutofit/>
          </a:bodyPr>
          <a:lstStyle/>
          <a:p>
            <a:r>
              <a:rPr lang="en-US" sz="3200" dirty="0"/>
              <a:t>Test Engine Update</a:t>
            </a:r>
            <a:br>
              <a:rPr lang="en-US" sz="3200" dirty="0"/>
            </a:br>
            <a:br>
              <a:rPr lang="en-US" sz="2000" dirty="0"/>
            </a:br>
            <a:r>
              <a:rPr lang="en-US" sz="2000"/>
              <a:t>Fixes</a:t>
            </a:r>
            <a:r>
              <a:rPr lang="en-US" sz="2000" dirty="0"/>
              <a:t> top reason for call to Customer Service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73324136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Benefits of Enhanced </a:t>
            </a:r>
            <a:r>
              <a:rPr lang="en-US" sz="3200"/>
              <a:t>Retries Instead </a:t>
            </a:r>
            <a:r>
              <a:rPr lang="en-US" sz="3200" dirty="0"/>
              <a:t>of Response Cach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/>
              <a:t>Many testing disruptions are caused by short breaks in wireless access. </a:t>
            </a:r>
          </a:p>
          <a:p>
            <a:r>
              <a:rPr lang="en-US" dirty="0"/>
              <a:t>Enhanced retries will allow the student to complete testing without interruption. </a:t>
            </a:r>
          </a:p>
          <a:p>
            <a:r>
              <a:rPr lang="en-US" dirty="0"/>
              <a:t>Problems with network connections within a building will also cause a break in the connection with the TSM.</a:t>
            </a:r>
          </a:p>
          <a:p>
            <a:r>
              <a:rPr lang="en-US" dirty="0"/>
              <a:t>Active Flags occur when students lose connection with the TSM and districts have to call DRC to resolve and slows testing for the student.</a:t>
            </a:r>
          </a:p>
          <a:p>
            <a:r>
              <a:rPr lang="en-US" dirty="0"/>
              <a:t>If the TSM loses connection with the network responses need to be manually sent from the TSM. </a:t>
            </a:r>
          </a:p>
          <a:p>
            <a:r>
              <a:rPr lang="en-US" dirty="0"/>
              <a:t>Response caching is not recommended due to Enhanced Retries.</a:t>
            </a:r>
          </a:p>
          <a:p>
            <a:r>
              <a:rPr lang="en-US" dirty="0"/>
              <a:t>Enhanced Retries will be available following the September Mid-Month.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D9B6187-2471-4983-ACEF-AE9201497496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2739868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1333698"/>
            <a:ext cx="7886700" cy="1846261"/>
          </a:xfrm>
        </p:spPr>
        <p:txBody>
          <a:bodyPr/>
          <a:lstStyle/>
          <a:p>
            <a:r>
              <a:rPr lang="en-US"/>
              <a:t>Administration with Studen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9</a:t>
            </a:fld>
            <a:endParaRPr lang="en-US"/>
          </a:p>
        </p:txBody>
      </p:sp>
      <p:pic>
        <p:nvPicPr>
          <p:cNvPr id="5" name="Picture 2" descr="umbrella clipart">
            <a:extLst/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24947" y="2732743"/>
            <a:ext cx="3155581" cy="31476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45C5DD6-D968-42B8-92F7-8A6C548FEA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DDD2DB6-85C0-45FE-A7FF-AD9AA85CBBE3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91710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3FC478-67CC-4F93-8E1F-7C8663AABE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3983" y="2"/>
            <a:ext cx="6567284" cy="1325563"/>
          </a:xfrm>
        </p:spPr>
        <p:txBody>
          <a:bodyPr/>
          <a:lstStyle/>
          <a:p>
            <a:r>
              <a:rPr lang="en-US"/>
              <a:t>State Testing Calenda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1A0FE8E-E5C4-40B2-87EB-0B1AA810220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FC1B44-DD28-457B-B8C5-D3EAD1A5BAC9}"/>
              </a:ext>
            </a:extLst>
          </p:cNvPr>
          <p:cNvSpPr txBox="1"/>
          <p:nvPr/>
        </p:nvSpPr>
        <p:spPr>
          <a:xfrm>
            <a:off x="248801" y="6075147"/>
            <a:ext cx="8619067" cy="646331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>
                <a:hlinkClick r:id="rId2"/>
              </a:rPr>
              <a:t>http://www.gadoe.org/Curriculum-Instruction-and-Assessment/Assessment/Pages/Information-For-Educators.aspx</a:t>
            </a:r>
            <a:r>
              <a:rPr lang="en-US"/>
              <a:t> </a:t>
            </a:r>
          </a:p>
        </p:txBody>
      </p:sp>
      <p:sp>
        <p:nvSpPr>
          <p:cNvPr id="9" name="Callout: Bent Line 8"/>
          <p:cNvSpPr/>
          <p:nvPr/>
        </p:nvSpPr>
        <p:spPr>
          <a:xfrm>
            <a:off x="7486650" y="2843610"/>
            <a:ext cx="1372666" cy="646546"/>
          </a:xfrm>
          <a:prstGeom prst="borderCallout2">
            <a:avLst>
              <a:gd name="adj1" fmla="val 18750"/>
              <a:gd name="adj2" fmla="val -8333"/>
              <a:gd name="adj3" fmla="val 18750"/>
              <a:gd name="adj4" fmla="val -16667"/>
              <a:gd name="adj5" fmla="val 85357"/>
              <a:gd name="adj6" fmla="val -43975"/>
            </a:avLst>
          </a:prstGeom>
          <a:solidFill>
            <a:srgbClr val="FF0000"/>
          </a:solidFill>
          <a:ln w="38100">
            <a:solidFill>
              <a:srgbClr val="FF000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/>
              <a:t>Test Window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E63F6D8-7068-4032-8B67-74D44B4C53D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0899" t="12151" r="25657" b="20381"/>
          <a:stretch/>
        </p:blipFill>
        <p:spPr>
          <a:xfrm>
            <a:off x="54864" y="1203240"/>
            <a:ext cx="9029869" cy="4668242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A6EB169-F6D3-449A-9EDF-878EF11974C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F757DC9-E8CF-43E7-9CAE-5038D04AB61D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0179302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6" name="Title 1">
            <a:extLst>
              <a:ext uri="{FF2B5EF4-FFF2-40B4-BE49-F238E27FC236}">
                <a16:creationId xmlns:a16="http://schemas.microsoft.com/office/drawing/2014/main" id="{9828A9A3-04E6-4EF5-AC73-C7C6E16600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/>
              <a:t>Best Practices for Student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>
                <a:solidFill>
                  <a:srgbClr val="FF0000"/>
                </a:solidFill>
              </a:rPr>
              <a:t>Device Familiarity </a:t>
            </a:r>
            <a:r>
              <a:rPr lang="en-US"/>
              <a:t>– Ensure students are familiar with the operation of the device they will use during testing.</a:t>
            </a:r>
          </a:p>
          <a:p>
            <a:pPr lvl="1"/>
            <a:r>
              <a:rPr lang="en-US"/>
              <a:t>Mouse</a:t>
            </a:r>
          </a:p>
          <a:p>
            <a:pPr lvl="1"/>
            <a:r>
              <a:rPr lang="en-US"/>
              <a:t>Keyboard</a:t>
            </a:r>
          </a:p>
          <a:p>
            <a:pPr lvl="1"/>
            <a:r>
              <a:rPr lang="en-US"/>
              <a:t>Touchpad</a:t>
            </a:r>
          </a:p>
          <a:p>
            <a:r>
              <a:rPr lang="en-US" b="1">
                <a:solidFill>
                  <a:srgbClr val="FF0000"/>
                </a:solidFill>
              </a:rPr>
              <a:t>Online Administration Familiarity </a:t>
            </a:r>
            <a:r>
              <a:rPr lang="en-US"/>
              <a:t>– Ensure students are familiar with the tools they will use during the online testing assessment.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0</a:t>
            </a:fld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344773" y="5474024"/>
            <a:ext cx="8454453" cy="954107"/>
          </a:xfrm>
          <a:prstGeom prst="rect">
            <a:avLst/>
          </a:prstGeom>
          <a:solidFill>
            <a:srgbClr val="FF0000"/>
          </a:solidFill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chemeClr val="bg1"/>
                </a:solidFill>
              </a:rPr>
              <a:t>Ensure that students have practiced with testing devices before testing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B4A34-D44F-4889-AEDE-FBBEBD8CB78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37CDC14-BA8B-4407-9DEB-E6354E0D79B0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4045892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1811869"/>
            <a:ext cx="7886700" cy="2667911"/>
          </a:xfrm>
        </p:spPr>
        <p:txBody>
          <a:bodyPr>
            <a:normAutofit fontScale="90000"/>
          </a:bodyPr>
          <a:lstStyle/>
          <a:p>
            <a:r>
              <a:rPr lang="en-US"/>
              <a:t>DRC INSIGHT Navigation</a:t>
            </a:r>
            <a:br>
              <a:rPr lang="en-US"/>
            </a:br>
            <a:r>
              <a:rPr lang="en-US"/>
              <a:t>	</a:t>
            </a:r>
            <a:r>
              <a:rPr lang="en-US" sz="3200"/>
              <a:t>Georgia Milestones Assessments</a:t>
            </a:r>
            <a:br>
              <a:rPr lang="en-US" sz="3200"/>
            </a:br>
            <a:r>
              <a:rPr lang="en-US" sz="3200"/>
              <a:t>	ACCESS for ELLs 2.0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1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A7998D-D1A3-453E-AD2E-C3D6896F20B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6AEB3A4-45C5-4ACC-ABD9-3AA0676F1CD5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397592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ACCESS for ELLs 2.0 Online</a:t>
            </a:r>
            <a:br>
              <a:rPr lang="en-US"/>
            </a:br>
            <a:r>
              <a:rPr lang="en-US"/>
              <a:t>Test Practice</a:t>
            </a:r>
          </a:p>
        </p:txBody>
      </p:sp>
      <p:pic>
        <p:nvPicPr>
          <p:cNvPr id="8" name="Content Placeholder 7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649506" y="2340273"/>
            <a:ext cx="6750486" cy="3836691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183DEBD-6F5F-443D-8C36-A66F9E58966A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2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1900549" y="1740108"/>
            <a:ext cx="62484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Log into the WIDA Portal </a:t>
            </a:r>
          </a:p>
          <a:p>
            <a:r>
              <a:rPr lang="en-US"/>
              <a:t> </a:t>
            </a:r>
            <a:r>
              <a:rPr lang="en-US">
                <a:hlinkClick r:id="rId3"/>
              </a:rPr>
              <a:t>https://wbte.drcedirect.com/WIDA/portals/wida</a:t>
            </a:r>
            <a:endParaRPr lang="en-US"/>
          </a:p>
          <a:p>
            <a:r>
              <a:rPr lang="en-US"/>
              <a:t> </a:t>
            </a:r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6018987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2EEF77-AF2E-4331-8975-9E6E8F829F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2982" y="73219"/>
            <a:ext cx="6316630" cy="1488862"/>
          </a:xfrm>
        </p:spPr>
        <p:txBody>
          <a:bodyPr>
            <a:normAutofit fontScale="90000"/>
          </a:bodyPr>
          <a:lstStyle/>
          <a:p>
            <a:r>
              <a:rPr lang="en-US"/>
              <a:t>ACCESS for ELLS 2.0 Online</a:t>
            </a:r>
            <a:br>
              <a:rPr lang="en-US"/>
            </a:br>
            <a:r>
              <a:rPr lang="en-US" sz="3600">
                <a:solidFill>
                  <a:schemeClr val="accent2"/>
                </a:solidFill>
              </a:rPr>
              <a:t>Listening Domain</a:t>
            </a:r>
            <a:endParaRPr lang="en-US">
              <a:solidFill>
                <a:schemeClr val="accent2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31A4E29-8AE6-486F-9A9A-741BA86BEE0F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3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E7DD8B7-928E-42EC-9B16-B775B5995CE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49400" y="1650979"/>
            <a:ext cx="6493932" cy="4705372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238240864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2EEF77-AF2E-4331-8975-9E6E8F829F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4515" y="160869"/>
            <a:ext cx="6316630" cy="1325563"/>
          </a:xfrm>
        </p:spPr>
        <p:txBody>
          <a:bodyPr>
            <a:normAutofit fontScale="90000"/>
          </a:bodyPr>
          <a:lstStyle/>
          <a:p>
            <a:r>
              <a:rPr lang="en-US"/>
              <a:t>ACCESS for ELLs 2.0 Online</a:t>
            </a:r>
            <a:br>
              <a:rPr lang="en-US"/>
            </a:br>
            <a:r>
              <a:rPr lang="en-US" sz="3600">
                <a:solidFill>
                  <a:schemeClr val="accent2"/>
                </a:solidFill>
              </a:rPr>
              <a:t>Reading Domain</a:t>
            </a:r>
            <a:endParaRPr lang="en-US">
              <a:solidFill>
                <a:schemeClr val="accent2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DF8106F-EB91-4B0C-A1BB-88F9DB119674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4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E404733-B87F-483A-9500-F00ECD09653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63624" y="1609840"/>
            <a:ext cx="6525241" cy="4623105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000325767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52940EA-3E0F-408B-90A7-C046224D22EA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5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D61AE8B-55F5-4019-9947-7145C6F1BF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51783" y="1643922"/>
            <a:ext cx="6316630" cy="4595273"/>
          </a:xfrm>
          <a:prstGeom prst="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78E5AC26-7EB7-4A04-AFE8-F0597E9E02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5316" y="201201"/>
            <a:ext cx="6316630" cy="1325563"/>
          </a:xfrm>
        </p:spPr>
        <p:txBody>
          <a:bodyPr>
            <a:normAutofit fontScale="90000"/>
          </a:bodyPr>
          <a:lstStyle/>
          <a:p>
            <a:r>
              <a:rPr lang="en-US"/>
              <a:t>ACCESS for ELLS 2.0 Online</a:t>
            </a:r>
            <a:br>
              <a:rPr lang="en-US"/>
            </a:br>
            <a:r>
              <a:rPr lang="en-US" sz="3600">
                <a:solidFill>
                  <a:schemeClr val="accent2"/>
                </a:solidFill>
              </a:rPr>
              <a:t>Speaking Domain</a:t>
            </a:r>
            <a:endParaRPr lang="en-US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8712450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2CC9C99-BF5D-4682-9946-7655FFFD5EBD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6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0172076-11FD-4C5E-A053-3E177084C1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3542" y="1552560"/>
            <a:ext cx="6426613" cy="4628782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DC653D60-F185-42CD-99D9-476C19CE8DF2}"/>
              </a:ext>
            </a:extLst>
          </p:cNvPr>
          <p:cNvSpPr txBox="1">
            <a:spLocks/>
          </p:cNvSpPr>
          <p:nvPr/>
        </p:nvSpPr>
        <p:spPr>
          <a:xfrm>
            <a:off x="239915" y="90474"/>
            <a:ext cx="6316630" cy="1462086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25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/>
              <a:t>ACCESS for ELLs 2.0 Online</a:t>
            </a:r>
            <a:br>
              <a:rPr lang="en-US"/>
            </a:br>
            <a:r>
              <a:rPr lang="en-US" sz="3600">
                <a:solidFill>
                  <a:schemeClr val="accent2"/>
                </a:solidFill>
              </a:rPr>
              <a:t>Writing Domain</a:t>
            </a:r>
            <a:endParaRPr lang="en-US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8155404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/>
              <a:t>Experience Online Testing Georgi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BC2CBF9-95B4-4CE5-A6D5-2CF9BF4CFF97}" type="datetime1">
              <a:rPr lang="en-US" smtClean="0"/>
              <a:t>9/4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7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1900549" y="1740108"/>
            <a:ext cx="6248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>
                <a:hlinkClick r:id="rId2"/>
              </a:rPr>
              <a:t>http://www.gaexperienceonline.com/</a:t>
            </a:r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EF0A266-80D8-43BA-9C11-B8A621E6D3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89670" y="2189967"/>
            <a:ext cx="5377532" cy="403212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429041990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: Rounded Corners 28"/>
          <p:cNvSpPr/>
          <p:nvPr/>
        </p:nvSpPr>
        <p:spPr>
          <a:xfrm>
            <a:off x="951348" y="1625610"/>
            <a:ext cx="7324436" cy="2632363"/>
          </a:xfrm>
          <a:prstGeom prst="roundRect">
            <a:avLst/>
          </a:prstGeom>
          <a:solidFill>
            <a:srgbClr val="F8CAAA">
              <a:alpha val="85882"/>
            </a:srgbClr>
          </a:solidFill>
          <a:ln w="381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Georgia Milestones Assessments - Toolbar</a:t>
            </a:r>
          </a:p>
        </p:txBody>
      </p:sp>
      <p:sp>
        <p:nvSpPr>
          <p:cNvPr id="31" name="Content Placeholder 30"/>
          <p:cNvSpPr>
            <a:spLocks noGrp="1"/>
          </p:cNvSpPr>
          <p:nvPr>
            <p:ph idx="1"/>
          </p:nvPr>
        </p:nvSpPr>
        <p:spPr>
          <a:xfrm>
            <a:off x="628650" y="4407887"/>
            <a:ext cx="7886700" cy="1769077"/>
          </a:xfrm>
        </p:spPr>
        <p:txBody>
          <a:bodyPr>
            <a:normAutofit fontScale="92500" lnSpcReduction="10000"/>
          </a:bodyPr>
          <a:lstStyle/>
          <a:p>
            <a:r>
              <a:rPr lang="en-US"/>
              <a:t>Use the online tools to assist you during the test.</a:t>
            </a:r>
          </a:p>
          <a:p>
            <a:r>
              <a:rPr lang="en-US"/>
              <a:t>You can use more than one tool at a time.</a:t>
            </a:r>
          </a:p>
          <a:p>
            <a:r>
              <a:rPr lang="en-US"/>
              <a:t>To close a tool, use your mouse and click on the tool again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8</a:t>
            </a:fld>
            <a:endParaRPr lang="en-US"/>
          </a:p>
        </p:txBody>
      </p:sp>
      <p:grpSp>
        <p:nvGrpSpPr>
          <p:cNvPr id="30" name="Group 29"/>
          <p:cNvGrpSpPr/>
          <p:nvPr/>
        </p:nvGrpSpPr>
        <p:grpSpPr>
          <a:xfrm>
            <a:off x="1351974" y="1712239"/>
            <a:ext cx="6523184" cy="2459100"/>
            <a:chOff x="1438564" y="1898241"/>
            <a:chExt cx="6523184" cy="2459100"/>
          </a:xfrm>
        </p:grpSpPr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438564" y="2866487"/>
              <a:ext cx="6487869" cy="672523"/>
            </a:xfrm>
            <a:prstGeom prst="rect">
              <a:avLst/>
            </a:prstGeom>
          </p:spPr>
        </p:pic>
        <p:sp>
          <p:nvSpPr>
            <p:cNvPr id="7" name="TextBox 6"/>
            <p:cNvSpPr txBox="1"/>
            <p:nvPr/>
          </p:nvSpPr>
          <p:spPr>
            <a:xfrm>
              <a:off x="1438564" y="4049564"/>
              <a:ext cx="778164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Pointer</a:t>
              </a: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2145146" y="1898241"/>
              <a:ext cx="685800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Cross-Off</a:t>
              </a: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2543462" y="4049564"/>
              <a:ext cx="109335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Highlighter</a:t>
              </a: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3419398" y="1898241"/>
              <a:ext cx="685800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Sticky Note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3917368" y="4049564"/>
              <a:ext cx="91290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Magnifier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4684414" y="1898241"/>
              <a:ext cx="685800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Line Guide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5138536" y="4049564"/>
              <a:ext cx="1012870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Calculator</a:t>
              </a:r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5804323" y="1898241"/>
              <a:ext cx="94630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Graphing Tool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6377024" y="4049564"/>
              <a:ext cx="1070498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References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7093530" y="1898241"/>
              <a:ext cx="86821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/>
                <a:t>Periodic Table</a:t>
              </a:r>
            </a:p>
          </p:txBody>
        </p:sp>
        <p:cxnSp>
          <p:nvCxnSpPr>
            <p:cNvPr id="18" name="Straight Arrow Connector 17"/>
            <p:cNvCxnSpPr>
              <a:cxnSpLocks/>
            </p:cNvCxnSpPr>
            <p:nvPr/>
          </p:nvCxnSpPr>
          <p:spPr>
            <a:xfrm flipV="1">
              <a:off x="1827646" y="3539010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cxnSpLocks/>
            </p:cNvCxnSpPr>
            <p:nvPr/>
          </p:nvCxnSpPr>
          <p:spPr>
            <a:xfrm flipV="1">
              <a:off x="3090138" y="3539010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Arrow Connector 20"/>
            <p:cNvCxnSpPr>
              <a:cxnSpLocks/>
            </p:cNvCxnSpPr>
            <p:nvPr/>
          </p:nvCxnSpPr>
          <p:spPr>
            <a:xfrm flipV="1">
              <a:off x="4373821" y="3539010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1"/>
            <p:cNvCxnSpPr>
              <a:cxnSpLocks/>
            </p:cNvCxnSpPr>
            <p:nvPr/>
          </p:nvCxnSpPr>
          <p:spPr>
            <a:xfrm flipV="1">
              <a:off x="5644971" y="3539010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Arrow Connector 22"/>
            <p:cNvCxnSpPr>
              <a:cxnSpLocks/>
            </p:cNvCxnSpPr>
            <p:nvPr/>
          </p:nvCxnSpPr>
          <p:spPr>
            <a:xfrm flipV="1">
              <a:off x="6912273" y="3539010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cxnSpLocks/>
            </p:cNvCxnSpPr>
            <p:nvPr/>
          </p:nvCxnSpPr>
          <p:spPr>
            <a:xfrm flipV="1">
              <a:off x="2488046" y="2355933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Arrow Connector 24"/>
            <p:cNvCxnSpPr>
              <a:cxnSpLocks/>
            </p:cNvCxnSpPr>
            <p:nvPr/>
          </p:nvCxnSpPr>
          <p:spPr>
            <a:xfrm flipV="1">
              <a:off x="3762298" y="2355933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/>
            <p:cNvCxnSpPr>
              <a:cxnSpLocks/>
            </p:cNvCxnSpPr>
            <p:nvPr/>
          </p:nvCxnSpPr>
          <p:spPr>
            <a:xfrm flipV="1">
              <a:off x="5027314" y="2355933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Arrow Connector 26"/>
            <p:cNvCxnSpPr>
              <a:cxnSpLocks/>
            </p:cNvCxnSpPr>
            <p:nvPr/>
          </p:nvCxnSpPr>
          <p:spPr>
            <a:xfrm flipV="1">
              <a:off x="6281417" y="2355933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cxnSpLocks/>
            </p:cNvCxnSpPr>
            <p:nvPr/>
          </p:nvCxnSpPr>
          <p:spPr>
            <a:xfrm flipV="1">
              <a:off x="7527639" y="2355933"/>
              <a:ext cx="0" cy="510554"/>
            </a:xfrm>
            <a:prstGeom prst="straightConnector1">
              <a:avLst/>
            </a:prstGeom>
            <a:ln w="3810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A9821D-EDAA-45BA-953C-1BCD75FD9B3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80ADB08-FABA-45DA-8BC5-F154532856B6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4742508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Georgia Milestones Assessments - Tool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8711863"/>
              </p:ext>
            </p:extLst>
          </p:nvPr>
        </p:nvGraphicFramePr>
        <p:xfrm>
          <a:off x="499346" y="1567013"/>
          <a:ext cx="7886700" cy="3760124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830695">
                  <a:extLst>
                    <a:ext uri="{9D8B030D-6E8A-4147-A177-3AD203B41FA5}">
                      <a16:colId xmlns:a16="http://schemas.microsoft.com/office/drawing/2014/main" val="2882963512"/>
                    </a:ext>
                  </a:extLst>
                </a:gridCol>
                <a:gridCol w="7056005">
                  <a:extLst>
                    <a:ext uri="{9D8B030D-6E8A-4147-A177-3AD203B41FA5}">
                      <a16:colId xmlns:a16="http://schemas.microsoft.com/office/drawing/2014/main" val="2392951795"/>
                    </a:ext>
                  </a:extLst>
                </a:gridCol>
              </a:tblGrid>
              <a:tr h="648335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b="1">
                          <a:solidFill>
                            <a:srgbClr val="FF0000"/>
                          </a:solidFill>
                        </a:rPr>
                        <a:t>Pointer</a:t>
                      </a:r>
                      <a:r>
                        <a:rPr lang="en-US"/>
                        <a:t>: Use the pointer tool to choose an answer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92269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Cross-Off</a:t>
                      </a:r>
                      <a:r>
                        <a:rPr lang="en-US"/>
                        <a:t>: Use the cross-off tool to mark answers that you believe are NOT correct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363016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Highlighter</a:t>
                      </a:r>
                      <a:r>
                        <a:rPr lang="en-US"/>
                        <a:t>: Use the highlighter tool to highlight important information within a test question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82312549"/>
                  </a:ext>
                </a:extLst>
              </a:tr>
              <a:tr h="551469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b="1">
                          <a:solidFill>
                            <a:srgbClr val="FF0000"/>
                          </a:solidFill>
                        </a:rPr>
                        <a:t>Sticky Note</a:t>
                      </a:r>
                      <a:r>
                        <a:rPr lang="en-US"/>
                        <a:t>: Use the sticky note to take notes within a test question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62633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Magnifier</a:t>
                      </a:r>
                      <a:r>
                        <a:rPr lang="en-US"/>
                        <a:t>: Use the magnifier tool to enlarge the information on the screen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902172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Line Guide</a:t>
                      </a:r>
                      <a:r>
                        <a:rPr lang="en-US"/>
                        <a:t>: Use the line guide tool to help you track a single line of text as you are reading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14736201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9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11281" t="13972" r="79039"/>
          <a:stretch/>
        </p:blipFill>
        <p:spPr>
          <a:xfrm>
            <a:off x="618525" y="2243112"/>
            <a:ext cx="628073" cy="57856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1317" r="88291"/>
          <a:stretch/>
        </p:blipFill>
        <p:spPr>
          <a:xfrm>
            <a:off x="617091" y="1575138"/>
            <a:ext cx="630936" cy="62931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/>
          <a:srcRect l="20961" t="11664" r="69261"/>
          <a:stretch/>
        </p:blipFill>
        <p:spPr>
          <a:xfrm>
            <a:off x="615339" y="2867966"/>
            <a:ext cx="634445" cy="59408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2"/>
          <a:srcRect l="30836" t="11209" r="59484"/>
          <a:stretch/>
        </p:blipFill>
        <p:spPr>
          <a:xfrm>
            <a:off x="618525" y="3462046"/>
            <a:ext cx="628073" cy="59714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/>
          <a:srcRect l="40517" t="11209" r="49940"/>
          <a:stretch/>
        </p:blipFill>
        <p:spPr>
          <a:xfrm>
            <a:off x="627443" y="4065362"/>
            <a:ext cx="619155" cy="597146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/>
          <a:srcRect l="50129" t="11209" r="40471"/>
          <a:stretch/>
        </p:blipFill>
        <p:spPr>
          <a:xfrm>
            <a:off x="636678" y="4692325"/>
            <a:ext cx="609918" cy="597146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8D88976-F171-407D-9E46-72B3A3799DF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62579EC-D642-4BE9-B0CA-40BC7FF1D3E9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154458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89E8A3-D696-41E1-8D4C-017CD4D762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Fitting it all Togethe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9CC3E6C-39D6-44BF-A771-F65FC1B65A9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</a:t>
            </a:fld>
            <a:endParaRPr lang="en-US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24E874C2-F485-4737-9489-5FEA885276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44536373"/>
              </p:ext>
            </p:extLst>
          </p:nvPr>
        </p:nvGraphicFramePr>
        <p:xfrm>
          <a:off x="250723" y="1396999"/>
          <a:ext cx="8716297" cy="519553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606C27-6159-4727-A60E-463CC98E920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C5CBC96-1B1B-42BA-B376-30FED6FC4A9F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1390341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Georgia Milestones Assessments - Tool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2346977"/>
              </p:ext>
            </p:extLst>
          </p:nvPr>
        </p:nvGraphicFramePr>
        <p:xfrm>
          <a:off x="499342" y="1539309"/>
          <a:ext cx="7547378" cy="50292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795842">
                  <a:extLst>
                    <a:ext uri="{9D8B030D-6E8A-4147-A177-3AD203B41FA5}">
                      <a16:colId xmlns:a16="http://schemas.microsoft.com/office/drawing/2014/main" val="2882963512"/>
                    </a:ext>
                  </a:extLst>
                </a:gridCol>
                <a:gridCol w="6751536">
                  <a:extLst>
                    <a:ext uri="{9D8B030D-6E8A-4147-A177-3AD203B41FA5}">
                      <a16:colId xmlns:a16="http://schemas.microsoft.com/office/drawing/2014/main" val="2392951795"/>
                    </a:ext>
                  </a:extLst>
                </a:gridCol>
              </a:tblGrid>
              <a:tr h="1632042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>
                          <a:solidFill>
                            <a:srgbClr val="FF0000"/>
                          </a:solidFill>
                        </a:rPr>
                        <a:t>Calculators</a:t>
                      </a:r>
                      <a:r>
                        <a:rPr lang="en-US"/>
                        <a:t>: The </a:t>
                      </a:r>
                      <a:r>
                        <a:rPr lang="en-US" b="1" i="1" u="sng">
                          <a:solidFill>
                            <a:schemeClr val="tx1"/>
                          </a:solidFill>
                        </a:rPr>
                        <a:t>basic calculator</a:t>
                      </a:r>
                      <a:r>
                        <a:rPr lang="en-US" b="0" i="0" u="none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US"/>
                        <a:t>has the ability to perform the four arithmetic functions: addition, subtraction, multiplication, and division. The </a:t>
                      </a:r>
                      <a:r>
                        <a:rPr lang="en-US" b="1" i="1" u="sng">
                          <a:solidFill>
                            <a:schemeClr val="tx1"/>
                          </a:solidFill>
                        </a:rPr>
                        <a:t>Scientific Calculator</a:t>
                      </a:r>
                      <a:r>
                        <a:rPr lang="en-US" b="0" i="0" u="none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US"/>
                        <a:t>is a comprehensive calculator with the ability to perform square root, exponential, logarithmic, trigonometric, and factorial functions, as well as the four arithmetic functions. Not available for all items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9226979"/>
                  </a:ext>
                </a:extLst>
              </a:tr>
              <a:tr h="858969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Graphing Tool</a:t>
                      </a:r>
                      <a:r>
                        <a:rPr lang="en-US"/>
                        <a:t>: The Graphing Tool is designed to graph functions when solved for the “Y” variable and has the ability to give corresponding “Y” values for given “X” values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3630166"/>
                  </a:ext>
                </a:extLst>
              </a:tr>
              <a:tr h="858969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References</a:t>
                      </a:r>
                      <a:r>
                        <a:rPr lang="en-US"/>
                        <a:t>: Use the references tool to view reference materials like a formula sheet or a periodic table. These may help you answer test questions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82312549"/>
                  </a:ext>
                </a:extLst>
              </a:tr>
              <a:tr h="1374351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>
                          <a:solidFill>
                            <a:srgbClr val="FF0000"/>
                          </a:solidFill>
                        </a:rPr>
                        <a:t>Periodic Table</a:t>
                      </a:r>
                      <a:r>
                        <a:rPr lang="en-US"/>
                        <a:t>: You may find the Periodic Table helpful in answering test questions. You can view more detail about an element by clicking on the element’s box. The box will open a new window, and can be moved around to different parts of the screen by clicking on the box and dragging it to a new location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956773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0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l="60104" t="11209" r="30501"/>
          <a:stretch/>
        </p:blipFill>
        <p:spPr>
          <a:xfrm>
            <a:off x="637311" y="1819822"/>
            <a:ext cx="609600" cy="59714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69498" t="11209" r="20538"/>
          <a:stretch/>
        </p:blipFill>
        <p:spPr>
          <a:xfrm>
            <a:off x="618839" y="3274549"/>
            <a:ext cx="646544" cy="597146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l="79746" t="11209" r="10717"/>
          <a:stretch/>
        </p:blipFill>
        <p:spPr>
          <a:xfrm>
            <a:off x="632693" y="4287742"/>
            <a:ext cx="618836" cy="597146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l="89497" t="11209" r="1108"/>
          <a:stretch/>
        </p:blipFill>
        <p:spPr>
          <a:xfrm>
            <a:off x="655783" y="5114469"/>
            <a:ext cx="609600" cy="597146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7D54C3-AC19-4BC6-A07F-C5C124E74F8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73C94ED-38DD-4534-8467-B7634021F078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1307968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Oval 36"/>
          <p:cNvSpPr/>
          <p:nvPr/>
        </p:nvSpPr>
        <p:spPr>
          <a:xfrm>
            <a:off x="84462" y="1819566"/>
            <a:ext cx="2529435" cy="2909455"/>
          </a:xfrm>
          <a:prstGeom prst="ellipse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Navigating Pages for Reading Passa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1</a:t>
            </a:fld>
            <a:endParaRPr lang="en-US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32179" y="1688091"/>
            <a:ext cx="3877410" cy="4599589"/>
          </a:xfrm>
          <a:prstGeom prst="rect">
            <a:avLst/>
          </a:prstGeom>
        </p:spPr>
      </p:pic>
      <p:sp>
        <p:nvSpPr>
          <p:cNvPr id="6" name="Arrow: Pentagon 5"/>
          <p:cNvSpPr/>
          <p:nvPr/>
        </p:nvSpPr>
        <p:spPr>
          <a:xfrm>
            <a:off x="195294" y="5586037"/>
            <a:ext cx="2788047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Click the left-bottom corner to navigate to the prior page (if available).</a:t>
            </a:r>
          </a:p>
        </p:txBody>
      </p:sp>
      <p:sp>
        <p:nvSpPr>
          <p:cNvPr id="7" name="Arrow: Pentagon 6"/>
          <p:cNvSpPr/>
          <p:nvPr/>
        </p:nvSpPr>
        <p:spPr>
          <a:xfrm flipH="1">
            <a:off x="6167728" y="5564499"/>
            <a:ext cx="2788920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Click the right-bottom corner to navigate to the next page (if available).</a:t>
            </a:r>
          </a:p>
        </p:txBody>
      </p:sp>
      <p:grpSp>
        <p:nvGrpSpPr>
          <p:cNvPr id="38" name="Group 37"/>
          <p:cNvGrpSpPr/>
          <p:nvPr/>
        </p:nvGrpSpPr>
        <p:grpSpPr>
          <a:xfrm>
            <a:off x="507008" y="2059710"/>
            <a:ext cx="1684343" cy="2429167"/>
            <a:chOff x="492296" y="2068943"/>
            <a:chExt cx="1684343" cy="2429167"/>
          </a:xfrm>
        </p:grpSpPr>
        <p:pic>
          <p:nvPicPr>
            <p:cNvPr id="34" name="Picture 33"/>
            <p:cNvPicPr>
              <a:picLocks noChangeAspect="1"/>
            </p:cNvPicPr>
            <p:nvPr/>
          </p:nvPicPr>
          <p:blipFill rotWithShape="1">
            <a:blip r:embed="rId2"/>
            <a:srcRect l="75875" t="91515"/>
            <a:stretch/>
          </p:blipFill>
          <p:spPr>
            <a:xfrm>
              <a:off x="492296" y="2927839"/>
              <a:ext cx="1684343" cy="702695"/>
            </a:xfrm>
            <a:prstGeom prst="rect">
              <a:avLst/>
            </a:prstGeom>
          </p:spPr>
        </p:pic>
        <p:sp>
          <p:nvSpPr>
            <p:cNvPr id="35" name="Arrow: Pentagon 34"/>
            <p:cNvSpPr/>
            <p:nvPr/>
          </p:nvSpPr>
          <p:spPr>
            <a:xfrm rot="16200000" flipV="1">
              <a:off x="765020" y="3516590"/>
              <a:ext cx="1094611" cy="868430"/>
            </a:xfrm>
            <a:prstGeom prst="homePlate">
              <a:avLst>
                <a:gd name="adj" fmla="val 72162"/>
              </a:avLst>
            </a:prstGeom>
            <a:solidFill>
              <a:schemeClr val="accent4">
                <a:lumMod val="40000"/>
                <a:lumOff val="6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ctr"/>
              <a:r>
                <a:rPr lang="en-US" b="1">
                  <a:solidFill>
                    <a:sysClr val="windowText" lastClr="000000"/>
                  </a:solidFill>
                </a:rPr>
                <a:t>Current page</a:t>
              </a:r>
            </a:p>
          </p:txBody>
        </p:sp>
        <p:sp>
          <p:nvSpPr>
            <p:cNvPr id="36" name="Arrow: Pentagon 35"/>
            <p:cNvSpPr/>
            <p:nvPr/>
          </p:nvSpPr>
          <p:spPr>
            <a:xfrm rot="16200000" flipH="1">
              <a:off x="1132878" y="2162997"/>
              <a:ext cx="979959" cy="791852"/>
            </a:xfrm>
            <a:prstGeom prst="homePlate">
              <a:avLst/>
            </a:prstGeom>
            <a:solidFill>
              <a:schemeClr val="accent4">
                <a:lumMod val="40000"/>
                <a:lumOff val="6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" rtlCol="0" anchor="ctr"/>
            <a:lstStyle/>
            <a:p>
              <a:pPr algn="ctr"/>
              <a:r>
                <a:rPr lang="en-US" b="1">
                  <a:solidFill>
                    <a:sysClr val="windowText" lastClr="000000"/>
                  </a:solidFill>
                </a:rPr>
                <a:t>Total pages</a:t>
              </a:r>
            </a:p>
          </p:txBody>
        </p:sp>
      </p:grpSp>
      <p:cxnSp>
        <p:nvCxnSpPr>
          <p:cNvPr id="43" name="Straight Arrow Connector 42"/>
          <p:cNvCxnSpPr>
            <a:cxnSpLocks/>
          </p:cNvCxnSpPr>
          <p:nvPr/>
        </p:nvCxnSpPr>
        <p:spPr>
          <a:xfrm flipH="1" flipV="1">
            <a:off x="2577165" y="3537527"/>
            <a:ext cx="3398765" cy="2382984"/>
          </a:xfrm>
          <a:prstGeom prst="straightConnector1">
            <a:avLst/>
          </a:prstGeom>
          <a:ln w="762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/>
          <p:cNvSpPr txBox="1"/>
          <p:nvPr/>
        </p:nvSpPr>
        <p:spPr>
          <a:xfrm>
            <a:off x="6666884" y="1829367"/>
            <a:ext cx="2279592" cy="3046988"/>
          </a:xfrm>
          <a:prstGeom prst="rect">
            <a:avLst/>
          </a:prstGeom>
          <a:solidFill>
            <a:srgbClr val="FF0000"/>
          </a:solidFill>
        </p:spPr>
        <p:txBody>
          <a:bodyPr wrap="square" rtlCol="0">
            <a:spAutoFit/>
          </a:bodyPr>
          <a:lstStyle/>
          <a:p>
            <a:r>
              <a:rPr lang="en-US" sz="2400" b="1">
                <a:solidFill>
                  <a:schemeClr val="bg1"/>
                </a:solidFill>
              </a:rPr>
              <a:t>The page turners are not identified within the online system. Please instruct your students on this feature.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C501A0B-2B12-4146-B802-3A8796A1054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AEFB7E6-3C2D-4CFB-BB4E-C7E7DD15AF20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8163901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Constructed Response Character Limitation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2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r="904"/>
          <a:stretch/>
        </p:blipFill>
        <p:spPr>
          <a:xfrm>
            <a:off x="1291258" y="1583704"/>
            <a:ext cx="6721526" cy="4514550"/>
          </a:xfrm>
          <a:prstGeom prst="rect">
            <a:avLst/>
          </a:prstGeom>
        </p:spPr>
      </p:pic>
      <p:sp>
        <p:nvSpPr>
          <p:cNvPr id="7" name="Arrow: Quad 6"/>
          <p:cNvSpPr/>
          <p:nvPr/>
        </p:nvSpPr>
        <p:spPr>
          <a:xfrm>
            <a:off x="1366888" y="2017337"/>
            <a:ext cx="6579908" cy="3742440"/>
          </a:xfrm>
          <a:prstGeom prst="quadArrow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>
                <a:solidFill>
                  <a:sysClr val="windowText" lastClr="000000"/>
                </a:solidFill>
              </a:rPr>
              <a:t>Available response area</a:t>
            </a:r>
          </a:p>
        </p:txBody>
      </p:sp>
      <p:sp>
        <p:nvSpPr>
          <p:cNvPr id="11" name="Arrow: Pentagon 10"/>
          <p:cNvSpPr/>
          <p:nvPr/>
        </p:nvSpPr>
        <p:spPr>
          <a:xfrm>
            <a:off x="1" y="5533090"/>
            <a:ext cx="1348621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Current character count</a:t>
            </a:r>
          </a:p>
        </p:txBody>
      </p:sp>
      <p:sp>
        <p:nvSpPr>
          <p:cNvPr id="12" name="Arrow: Pentagon 11"/>
          <p:cNvSpPr/>
          <p:nvPr/>
        </p:nvSpPr>
        <p:spPr>
          <a:xfrm flipH="1">
            <a:off x="1900058" y="5533090"/>
            <a:ext cx="1361616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Total characters availab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62FFF27-1081-47ED-8156-A177BEB25ED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BFF82C4-D6CC-4D2B-A0BE-8276838466E2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7176215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Constructed Response Mistakenly Deleting </a:t>
            </a:r>
            <a:r>
              <a:rPr lang="en-US" sz="4000"/>
              <a:t>Responses (Reading/Math)</a:t>
            </a:r>
            <a:endParaRPr lang="en-US"/>
          </a:p>
        </p:txBody>
      </p:sp>
      <p:sp>
        <p:nvSpPr>
          <p:cNvPr id="27" name="Text Placeholder 26"/>
          <p:cNvSpPr>
            <a:spLocks noGrp="1"/>
          </p:cNvSpPr>
          <p:nvPr>
            <p:ph type="body" idx="1"/>
          </p:nvPr>
        </p:nvSpPr>
        <p:spPr>
          <a:xfrm>
            <a:off x="352756" y="1847411"/>
            <a:ext cx="4133088" cy="823912"/>
          </a:xfrm>
        </p:spPr>
        <p:txBody>
          <a:bodyPr/>
          <a:lstStyle/>
          <a:p>
            <a:r>
              <a:rPr lang="en-US">
                <a:solidFill>
                  <a:srgbClr val="FF0000"/>
                </a:solidFill>
              </a:rPr>
              <a:t>Student’s Response</a:t>
            </a:r>
          </a:p>
        </p:txBody>
      </p:sp>
      <p:sp>
        <p:nvSpPr>
          <p:cNvPr id="28" name="Text Placeholder 27"/>
          <p:cNvSpPr>
            <a:spLocks noGrp="1"/>
          </p:cNvSpPr>
          <p:nvPr>
            <p:ph type="body" sz="quarter" idx="3"/>
          </p:nvPr>
        </p:nvSpPr>
        <p:spPr>
          <a:xfrm>
            <a:off x="4629152" y="1847411"/>
            <a:ext cx="4136159" cy="823912"/>
          </a:xfrm>
        </p:spPr>
        <p:txBody>
          <a:bodyPr/>
          <a:lstStyle/>
          <a:p>
            <a:r>
              <a:rPr lang="en-US">
                <a:solidFill>
                  <a:srgbClr val="FF0000"/>
                </a:solidFill>
              </a:rPr>
              <a:t>Responses Deleted </a:t>
            </a:r>
            <a:r>
              <a:rPr lang="en-US" sz="2000">
                <a:solidFill>
                  <a:srgbClr val="FF0000"/>
                </a:solidFill>
              </a:rPr>
              <a:t>(By Mistake)</a:t>
            </a:r>
            <a:endParaRPr lang="en-US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3</a:t>
            </a:fld>
            <a:endParaRPr lang="en-US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50694" y="2677786"/>
            <a:ext cx="4183563" cy="2752344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4327" y="2648051"/>
            <a:ext cx="4257675" cy="2790825"/>
          </a:xfrm>
          <a:prstGeom prst="rect">
            <a:avLst/>
          </a:prstGeom>
        </p:spPr>
      </p:pic>
      <p:sp>
        <p:nvSpPr>
          <p:cNvPr id="32" name="TextBox 31"/>
          <p:cNvSpPr txBox="1"/>
          <p:nvPr/>
        </p:nvSpPr>
        <p:spPr>
          <a:xfrm>
            <a:off x="352758" y="5634189"/>
            <a:ext cx="8412553" cy="400110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000"/>
              <a:t>Press </a:t>
            </a:r>
            <a:r>
              <a:rPr lang="en-US" sz="2000" b="1" err="1">
                <a:solidFill>
                  <a:schemeClr val="bg1"/>
                </a:solidFill>
              </a:rPr>
              <a:t>Ctrl+Z</a:t>
            </a:r>
            <a:r>
              <a:rPr lang="en-US" sz="2000"/>
              <a:t> (or </a:t>
            </a:r>
            <a:r>
              <a:rPr lang="en-US" sz="2000" b="1" err="1">
                <a:solidFill>
                  <a:schemeClr val="bg1"/>
                </a:solidFill>
              </a:rPr>
              <a:t>Command+Z</a:t>
            </a:r>
            <a:r>
              <a:rPr lang="en-US" sz="2000"/>
              <a:t> on a Mac) to revert back to recently-deleted text.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24E0A4-F237-4716-A55E-2344EB1069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E45E9-239C-44CA-9A9E-0D3210FFC6B9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024323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riting Tas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4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2437" y="1390916"/>
            <a:ext cx="3090722" cy="3666378"/>
          </a:xfrm>
          <a:prstGeom prst="rect">
            <a:avLst/>
          </a:prstGeom>
        </p:spPr>
      </p:pic>
      <p:sp>
        <p:nvSpPr>
          <p:cNvPr id="9" name="Arrow: Pentagon 8"/>
          <p:cNvSpPr/>
          <p:nvPr/>
        </p:nvSpPr>
        <p:spPr>
          <a:xfrm rot="16200000" flipV="1">
            <a:off x="1731759" y="5209277"/>
            <a:ext cx="1094611" cy="868430"/>
          </a:xfrm>
          <a:prstGeom prst="homePlate">
            <a:avLst>
              <a:gd name="adj" fmla="val 72162"/>
            </a:avLst>
          </a:prstGeom>
          <a:solidFill>
            <a:schemeClr val="accent4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Passage Section</a:t>
            </a:r>
          </a:p>
        </p:txBody>
      </p:sp>
      <p:pic>
        <p:nvPicPr>
          <p:cNvPr id="34" name="Picture 3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37564" y="1408472"/>
            <a:ext cx="3055843" cy="3661176"/>
          </a:xfrm>
          <a:prstGeom prst="rect">
            <a:avLst/>
          </a:prstGeom>
        </p:spPr>
      </p:pic>
      <p:sp>
        <p:nvSpPr>
          <p:cNvPr id="11" name="Arrow: Pentagon 10"/>
          <p:cNvSpPr/>
          <p:nvPr/>
        </p:nvSpPr>
        <p:spPr>
          <a:xfrm flipH="1">
            <a:off x="6976194" y="1821507"/>
            <a:ext cx="1920240" cy="791852"/>
          </a:xfrm>
          <a:prstGeom prst="homePlate">
            <a:avLst/>
          </a:prstGeom>
          <a:solidFill>
            <a:schemeClr val="accent4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Directions</a:t>
            </a:r>
          </a:p>
        </p:txBody>
      </p:sp>
      <p:sp>
        <p:nvSpPr>
          <p:cNvPr id="12" name="Arrow: Pentagon 11"/>
          <p:cNvSpPr/>
          <p:nvPr/>
        </p:nvSpPr>
        <p:spPr>
          <a:xfrm flipH="1">
            <a:off x="6976194" y="2952972"/>
            <a:ext cx="1920240" cy="791852"/>
          </a:xfrm>
          <a:prstGeom prst="homePlate">
            <a:avLst/>
          </a:prstGeom>
          <a:solidFill>
            <a:schemeClr val="accent4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Writer’s Checklist</a:t>
            </a:r>
          </a:p>
        </p:txBody>
      </p:sp>
      <p:sp>
        <p:nvSpPr>
          <p:cNvPr id="13" name="Arrow: Pentagon 12"/>
          <p:cNvSpPr/>
          <p:nvPr/>
        </p:nvSpPr>
        <p:spPr>
          <a:xfrm flipH="1">
            <a:off x="6976196" y="4084438"/>
            <a:ext cx="1916421" cy="791852"/>
          </a:xfrm>
          <a:prstGeom prst="homePlate">
            <a:avLst/>
          </a:prstGeom>
          <a:solidFill>
            <a:schemeClr val="accent4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Informational/</a:t>
            </a:r>
            <a:br>
              <a:rPr lang="en-US" b="1">
                <a:solidFill>
                  <a:sysClr val="windowText" lastClr="000000"/>
                </a:solidFill>
              </a:rPr>
            </a:br>
            <a:r>
              <a:rPr lang="en-US" b="1">
                <a:solidFill>
                  <a:sysClr val="windowText" lastClr="000000"/>
                </a:solidFill>
              </a:rPr>
              <a:t>Explanatory Essay</a:t>
            </a:r>
          </a:p>
        </p:txBody>
      </p:sp>
      <p:sp>
        <p:nvSpPr>
          <p:cNvPr id="14" name="Oval 13"/>
          <p:cNvSpPr/>
          <p:nvPr/>
        </p:nvSpPr>
        <p:spPr>
          <a:xfrm>
            <a:off x="4847087" y="3403690"/>
            <a:ext cx="757383" cy="424874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" name="Straight Arrow Connector 14"/>
          <p:cNvCxnSpPr>
            <a:cxnSpLocks/>
            <a:stCxn id="14" idx="6"/>
            <a:endCxn id="12" idx="3"/>
          </p:cNvCxnSpPr>
          <p:nvPr/>
        </p:nvCxnSpPr>
        <p:spPr>
          <a:xfrm flipV="1">
            <a:off x="5604468" y="3348900"/>
            <a:ext cx="1371726" cy="267229"/>
          </a:xfrm>
          <a:prstGeom prst="straightConnector1">
            <a:avLst/>
          </a:prstGeom>
          <a:ln w="57150">
            <a:solidFill>
              <a:srgbClr val="FF000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>
            <a:cxnSpLocks/>
          </p:cNvCxnSpPr>
          <p:nvPr/>
        </p:nvCxnSpPr>
        <p:spPr>
          <a:xfrm flipV="1">
            <a:off x="5607185" y="4497157"/>
            <a:ext cx="1371726" cy="267229"/>
          </a:xfrm>
          <a:prstGeom prst="straightConnector1">
            <a:avLst/>
          </a:prstGeom>
          <a:ln w="57150">
            <a:solidFill>
              <a:srgbClr val="FF000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Arrow: Pentagon 18"/>
          <p:cNvSpPr/>
          <p:nvPr/>
        </p:nvSpPr>
        <p:spPr>
          <a:xfrm rot="16200000" flipV="1">
            <a:off x="6176178" y="5162043"/>
            <a:ext cx="1094611" cy="944932"/>
          </a:xfrm>
          <a:prstGeom prst="homePlate">
            <a:avLst>
              <a:gd name="adj" fmla="val 72162"/>
            </a:avLst>
          </a:prstGeom>
          <a:solidFill>
            <a:schemeClr val="accent4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Vertical Scrollbar</a:t>
            </a:r>
          </a:p>
        </p:txBody>
      </p:sp>
      <p:cxnSp>
        <p:nvCxnSpPr>
          <p:cNvPr id="21" name="Straight Arrow Connector 20"/>
          <p:cNvCxnSpPr>
            <a:cxnSpLocks/>
            <a:endCxn id="19" idx="3"/>
          </p:cNvCxnSpPr>
          <p:nvPr/>
        </p:nvCxnSpPr>
        <p:spPr>
          <a:xfrm flipH="1">
            <a:off x="6723482" y="3744824"/>
            <a:ext cx="10544" cy="1342380"/>
          </a:xfrm>
          <a:prstGeom prst="straightConnector1">
            <a:avLst/>
          </a:prstGeom>
          <a:ln w="57150">
            <a:solidFill>
              <a:srgbClr val="FF000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9C80E91-40D5-4F49-8B02-38DF3439F85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3BD7877-1BDD-4CEA-9319-970EF2047459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1036643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quation Builder (Math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5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72899" y="2364513"/>
            <a:ext cx="4422169" cy="1856219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84407" y="4220732"/>
            <a:ext cx="5582950" cy="1721285"/>
          </a:xfrm>
          <a:prstGeom prst="rect">
            <a:avLst/>
          </a:prstGeom>
        </p:spPr>
      </p:pic>
      <p:sp>
        <p:nvSpPr>
          <p:cNvPr id="7" name="Oval 6"/>
          <p:cNvSpPr/>
          <p:nvPr/>
        </p:nvSpPr>
        <p:spPr>
          <a:xfrm>
            <a:off x="1293090" y="2272149"/>
            <a:ext cx="424874" cy="424874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Arrow: Pentagon 7"/>
          <p:cNvSpPr/>
          <p:nvPr/>
        </p:nvSpPr>
        <p:spPr>
          <a:xfrm>
            <a:off x="2" y="3716792"/>
            <a:ext cx="1348621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Current character count</a:t>
            </a:r>
          </a:p>
        </p:txBody>
      </p:sp>
      <p:sp>
        <p:nvSpPr>
          <p:cNvPr id="9" name="Arrow: Pentagon 8"/>
          <p:cNvSpPr/>
          <p:nvPr/>
        </p:nvSpPr>
        <p:spPr>
          <a:xfrm flipH="1">
            <a:off x="1816935" y="3716792"/>
            <a:ext cx="1361616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Total characters available</a:t>
            </a:r>
          </a:p>
        </p:txBody>
      </p:sp>
      <p:cxnSp>
        <p:nvCxnSpPr>
          <p:cNvPr id="11" name="Straight Arrow Connector 10"/>
          <p:cNvCxnSpPr>
            <a:stCxn id="7" idx="6"/>
          </p:cNvCxnSpPr>
          <p:nvPr/>
        </p:nvCxnSpPr>
        <p:spPr>
          <a:xfrm>
            <a:off x="1717966" y="2484586"/>
            <a:ext cx="2382981" cy="1828506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Rectangle: Rounded Corners 11"/>
          <p:cNvSpPr/>
          <p:nvPr/>
        </p:nvSpPr>
        <p:spPr>
          <a:xfrm>
            <a:off x="3284407" y="5366329"/>
            <a:ext cx="1620102" cy="415637"/>
          </a:xfrm>
          <a:prstGeom prst="round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09DA5D-8D8A-404F-A518-7625B095A59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10EE234F-9C68-45E8-90FF-04D86C796742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4320657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Basic Calculato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6</a:t>
            </a:fld>
            <a:endParaRPr lang="en-US"/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24763" y="1728566"/>
            <a:ext cx="4895850" cy="3876675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0A9322-65F6-4EA6-AB8B-29EF29CDF96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475BB17-BEB5-412C-9FD1-F4E9ED7AB7B1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2007561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cientific Calculato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7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6932" y="1533238"/>
            <a:ext cx="3406491" cy="4515427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18490" y="1534097"/>
            <a:ext cx="3410712" cy="4514566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9" name="Oval 8"/>
          <p:cNvSpPr/>
          <p:nvPr/>
        </p:nvSpPr>
        <p:spPr>
          <a:xfrm>
            <a:off x="812799" y="2646363"/>
            <a:ext cx="692728" cy="623311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val 9"/>
          <p:cNvSpPr/>
          <p:nvPr/>
        </p:nvSpPr>
        <p:spPr>
          <a:xfrm>
            <a:off x="4408276" y="2646363"/>
            <a:ext cx="692728" cy="623311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" name="Straight Arrow Connector 10"/>
          <p:cNvCxnSpPr>
            <a:cxnSpLocks/>
            <a:endCxn id="9" idx="7"/>
          </p:cNvCxnSpPr>
          <p:nvPr/>
        </p:nvCxnSpPr>
        <p:spPr>
          <a:xfrm flipH="1">
            <a:off x="1404081" y="2179721"/>
            <a:ext cx="1126685" cy="557922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/>
          <p:cNvCxnSpPr>
            <a:cxnSpLocks/>
            <a:endCxn id="10" idx="7"/>
          </p:cNvCxnSpPr>
          <p:nvPr/>
        </p:nvCxnSpPr>
        <p:spPr>
          <a:xfrm flipH="1">
            <a:off x="4999556" y="2273105"/>
            <a:ext cx="769210" cy="464538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1394691" y="1995055"/>
            <a:ext cx="5680364" cy="369332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/>
              <a:t>Click to switch calculator view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9FE6B6F-E57E-4E66-8A15-07BCA886247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1C3700B2-0EF9-4E66-8EA6-264D534870EC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4836625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Graphing Too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8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75345" y="1454554"/>
            <a:ext cx="4125710" cy="4327411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24B95AD-8CEA-48B9-96AF-31434100585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1B46141A-6EFA-469C-A7C7-E0272A6C4938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6635969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: Rounded Corners 10"/>
          <p:cNvSpPr/>
          <p:nvPr/>
        </p:nvSpPr>
        <p:spPr>
          <a:xfrm>
            <a:off x="6474696" y="3001820"/>
            <a:ext cx="2540000" cy="2909455"/>
          </a:xfrm>
          <a:prstGeom prst="round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xiting a Test Session Properl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/>
              <a:t>At the completion of a test session, select </a:t>
            </a:r>
          </a:p>
          <a:p>
            <a:r>
              <a:rPr lang="en-US"/>
              <a:t>Ensure all questions have been answer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9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41719" y="1659581"/>
            <a:ext cx="1285875" cy="676275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8652" y="2833702"/>
            <a:ext cx="5644975" cy="3705213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46448" y="3361619"/>
            <a:ext cx="409575" cy="40957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41683" y="4269740"/>
            <a:ext cx="419100" cy="390525"/>
          </a:xfrm>
          <a:prstGeom prst="rect">
            <a:avLst/>
          </a:prstGeom>
        </p:spPr>
      </p:pic>
      <p:sp>
        <p:nvSpPr>
          <p:cNvPr id="9" name="Arrow: Pentagon 8"/>
          <p:cNvSpPr/>
          <p:nvPr/>
        </p:nvSpPr>
        <p:spPr>
          <a:xfrm flipH="1">
            <a:off x="7174485" y="3170478"/>
            <a:ext cx="1600200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Answered Question</a:t>
            </a:r>
          </a:p>
        </p:txBody>
      </p:sp>
      <p:sp>
        <p:nvSpPr>
          <p:cNvPr id="10" name="Arrow: Pentagon 9"/>
          <p:cNvSpPr/>
          <p:nvPr/>
        </p:nvSpPr>
        <p:spPr>
          <a:xfrm flipH="1">
            <a:off x="7174487" y="4075677"/>
            <a:ext cx="1597643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Unanswered Question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617873" y="5116099"/>
            <a:ext cx="466725" cy="457200"/>
          </a:xfrm>
          <a:prstGeom prst="rect">
            <a:avLst/>
          </a:prstGeom>
        </p:spPr>
      </p:pic>
      <p:sp>
        <p:nvSpPr>
          <p:cNvPr id="14" name="Arrow: Pentagon 13"/>
          <p:cNvSpPr/>
          <p:nvPr/>
        </p:nvSpPr>
        <p:spPr>
          <a:xfrm flipH="1">
            <a:off x="7192382" y="4980875"/>
            <a:ext cx="1597643" cy="791852"/>
          </a:xfrm>
          <a:prstGeom prst="homePlate">
            <a:avLst/>
          </a:prstGeom>
          <a:solidFill>
            <a:schemeClr val="accent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>
                <a:solidFill>
                  <a:sysClr val="windowText" lastClr="000000"/>
                </a:solidFill>
              </a:rPr>
              <a:t>Flagged Question</a:t>
            </a: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D07DB22D-0A65-40CD-8DEA-D9CDC4699DE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2648ECB-2CF8-49F5-885A-D4C04A2541D7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44263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04C008D2-9C85-45A4-AB32-2E25422F17EF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769259673"/>
              </p:ext>
            </p:extLst>
          </p:nvPr>
        </p:nvGraphicFramePr>
        <p:xfrm>
          <a:off x="0" y="518257"/>
          <a:ext cx="9143999" cy="58380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46477">
                  <a:extLst>
                    <a:ext uri="{9D8B030D-6E8A-4147-A177-3AD203B41FA5}">
                      <a16:colId xmlns:a16="http://schemas.microsoft.com/office/drawing/2014/main" val="959130104"/>
                    </a:ext>
                  </a:extLst>
                </a:gridCol>
                <a:gridCol w="2788386">
                  <a:extLst>
                    <a:ext uri="{9D8B030D-6E8A-4147-A177-3AD203B41FA5}">
                      <a16:colId xmlns:a16="http://schemas.microsoft.com/office/drawing/2014/main" val="2441327989"/>
                    </a:ext>
                  </a:extLst>
                </a:gridCol>
                <a:gridCol w="2204568">
                  <a:extLst>
                    <a:ext uri="{9D8B030D-6E8A-4147-A177-3AD203B41FA5}">
                      <a16:colId xmlns:a16="http://schemas.microsoft.com/office/drawing/2014/main" val="2269875232"/>
                    </a:ext>
                  </a:extLst>
                </a:gridCol>
                <a:gridCol w="2204568">
                  <a:extLst>
                    <a:ext uri="{9D8B030D-6E8A-4147-A177-3AD203B41FA5}">
                      <a16:colId xmlns:a16="http://schemas.microsoft.com/office/drawing/2014/main" val="2921687864"/>
                    </a:ext>
                  </a:extLst>
                </a:gridCol>
              </a:tblGrid>
              <a:tr h="513005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Testing Windo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Popula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Report Expectation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29800365"/>
                  </a:ext>
                </a:extLst>
              </a:tr>
              <a:tr h="617778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CCESS for ELLs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1/16/2019-3/8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EL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Mid-May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97768532"/>
                  </a:ext>
                </a:extLst>
              </a:tr>
              <a:tr h="106984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Milestones EO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4/22/2019-5/31/2019 plus mid-months and summer admi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ll Students in Specific Cours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Preliminary, varies based on test dates and administration mod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35077872"/>
                  </a:ext>
                </a:extLst>
              </a:tr>
              <a:tr h="825308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Milestones EO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4/8/2019-5/17/2019</a:t>
                      </a:r>
                    </a:p>
                    <a:p>
                      <a:pPr algn="ctr">
                        <a:buNone/>
                      </a:pPr>
                      <a:r>
                        <a:rPr lang="en-US" sz="1600"/>
                        <a:t>plus rete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ll Students Grades 3-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Preliminary, varies based on test date and administration mod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190924721"/>
                  </a:ext>
                </a:extLst>
              </a:tr>
              <a:tr h="5807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eorgia Alternate Assessment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3/25/2019-5/3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1% of Georgia Milestones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Jun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38212587"/>
                  </a:ext>
                </a:extLst>
              </a:tr>
              <a:tr h="106984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GKI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7/9/2018-5/13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Kindergarten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/>
                        <a:t>Determined by </a:t>
                      </a:r>
                      <a:r>
                        <a:rPr lang="en-US" sz="1600"/>
                        <a:t>school distric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4734349"/>
                  </a:ext>
                </a:extLst>
              </a:tr>
              <a:tr h="5807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NAE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1/28/2019-3/8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elected Schools and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Fall 2019 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32939117"/>
                  </a:ext>
                </a:extLst>
              </a:tr>
              <a:tr h="58077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err="1"/>
                        <a:t>Keenvill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All Ye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K-2 Stude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Teacher discretion throughout the yea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3926552"/>
                  </a:ext>
                </a:extLst>
              </a:tr>
            </a:tbl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373821-8D90-473C-956A-3C9C7C164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2EEFAA-44E4-4802-8938-402C0B5A4B28}" type="datetime1">
              <a:rPr lang="en-US" smtClean="0"/>
              <a:t>9/4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AE8C8-4A46-4A7F-9157-556910D448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473BFEA-E302-44F8-B33E-E45A051B9F42}"/>
              </a:ext>
            </a:extLst>
          </p:cNvPr>
          <p:cNvSpPr txBox="1">
            <a:spLocks/>
          </p:cNvSpPr>
          <p:nvPr/>
        </p:nvSpPr>
        <p:spPr>
          <a:xfrm>
            <a:off x="77808" y="-107753"/>
            <a:ext cx="6316630" cy="65314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sz="4000" dirty="0">
                <a:solidFill>
                  <a:srgbClr val="0000FF"/>
                </a:solidFill>
              </a:rPr>
              <a:t>State Testing Windows</a:t>
            </a:r>
          </a:p>
        </p:txBody>
      </p:sp>
    </p:spTree>
    <p:extLst>
      <p:ext uri="{BB962C8B-B14F-4D97-AF65-F5344CB8AC3E}">
        <p14:creationId xmlns:p14="http://schemas.microsoft.com/office/powerpoint/2010/main" val="2729863909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xiting a Test Session Properl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3423771"/>
            <a:ext cx="7886700" cy="2753193"/>
          </a:xfrm>
        </p:spPr>
        <p:txBody>
          <a:bodyPr/>
          <a:lstStyle/>
          <a:p>
            <a:r>
              <a:rPr lang="en-US"/>
              <a:t>If you have any unanswered questions, select</a:t>
            </a:r>
            <a:br>
              <a:rPr lang="en-US"/>
            </a:br>
            <a:r>
              <a:rPr lang="en-US"/>
              <a:t>		      and answer the remaining questions.</a:t>
            </a:r>
          </a:p>
          <a:p>
            <a:endParaRPr lang="en-US"/>
          </a:p>
          <a:p>
            <a:r>
              <a:rPr lang="en-US"/>
              <a:t>Once all questions have been answered, select</a:t>
            </a:r>
            <a:br>
              <a:rPr lang="en-US"/>
            </a:br>
            <a:r>
              <a:rPr lang="en-US"/>
              <a:t>                 to properly end the test session. </a:t>
            </a:r>
            <a:br>
              <a:rPr lang="en-US"/>
            </a:br>
            <a:r>
              <a:rPr lang="en-US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70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t="73588"/>
          <a:stretch/>
        </p:blipFill>
        <p:spPr>
          <a:xfrm>
            <a:off x="434686" y="1850625"/>
            <a:ext cx="7972370" cy="1382103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4075" y="3834534"/>
            <a:ext cx="2152650" cy="66675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4077" y="5243222"/>
            <a:ext cx="1400175" cy="657225"/>
          </a:xfrm>
          <a:prstGeom prst="rect">
            <a:avLst/>
          </a:prstGeom>
        </p:spPr>
      </p:pic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30BCE98-9054-405E-A356-BAA7EEC30EC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58B8E5D-FFAA-4783-937E-FEE83B66EA6C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0532610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006392745"/>
              </p:ext>
            </p:extLst>
          </p:nvPr>
        </p:nvGraphicFramePr>
        <p:xfrm>
          <a:off x="628650" y="415638"/>
          <a:ext cx="7886700" cy="672147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Georgia Milestones Assessments – </a:t>
            </a:r>
            <a:br>
              <a:rPr lang="en-US"/>
            </a:br>
            <a:r>
              <a:rPr lang="en-US"/>
              <a:t>Online Test Practice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71</a:t>
            </a:fld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D56E3-924E-4B8C-BDBA-748A3DDE9D1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A8741EB-26B0-4FB2-BADB-9FF1DFF105AB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6342103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274" name="Title 1">
            <a:extLst>
              <a:ext uri="{FF2B5EF4-FFF2-40B4-BE49-F238E27FC236}">
                <a16:creationId xmlns:a16="http://schemas.microsoft.com/office/drawing/2014/main" id="{8E0B29FE-7CFB-4673-83BE-9AB8B67F13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3984" y="334018"/>
            <a:ext cx="6316630" cy="1325563"/>
          </a:xfrm>
        </p:spPr>
        <p:txBody>
          <a:bodyPr rtlCol="0">
            <a:normAutofit fontScale="90000"/>
          </a:bodyPr>
          <a:lstStyle/>
          <a:p>
            <a:pPr>
              <a:defRPr/>
            </a:pPr>
            <a:r>
              <a:rPr lang="en-US" altLang="en-US" sz="3600" dirty="0"/>
              <a:t>Assessment Administration Contact Information</a:t>
            </a:r>
            <a:br>
              <a:rPr lang="en-US" altLang="en-US" sz="3600" dirty="0"/>
            </a:br>
            <a:r>
              <a:rPr lang="en-US" altLang="en-US" sz="2400" b="0" dirty="0"/>
              <a:t>Toll-Free (800) 634-4106 and (404) 656-2668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8621E855-986E-400E-ADEF-4C4376F87D2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>
            <a:normAutofit fontScale="55000" lnSpcReduction="20000"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Sandy Greene, Ed.D., </a:t>
            </a:r>
            <a:r>
              <a:rPr lang="en-US" dirty="0"/>
              <a:t>Director of Assessment Administration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656-0478; </a:t>
            </a:r>
            <a:r>
              <a:rPr lang="en-US" u="sng" dirty="0">
                <a:hlinkClick r:id="rId2"/>
              </a:rPr>
              <a:t>sgreene@doe.k12.ga.us</a:t>
            </a:r>
            <a:endParaRPr lang="en-US" dirty="0"/>
          </a:p>
          <a:p>
            <a:pPr marL="0" indent="0">
              <a:lnSpc>
                <a:spcPct val="120000"/>
              </a:lnSpc>
              <a:buNone/>
            </a:pPr>
            <a:r>
              <a:rPr lang="en-US" b="1" dirty="0" err="1"/>
              <a:t>Taiesha</a:t>
            </a:r>
            <a:r>
              <a:rPr lang="en-US" b="1" dirty="0"/>
              <a:t> Adams, Ed.D., </a:t>
            </a:r>
            <a:r>
              <a:rPr lang="en-US" dirty="0"/>
              <a:t>Assessment Specialist, </a:t>
            </a:r>
            <a:br>
              <a:rPr lang="en-US" dirty="0"/>
            </a:br>
            <a:r>
              <a:rPr lang="en-US" dirty="0"/>
              <a:t>Georgia Milestones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656-5975; </a:t>
            </a:r>
            <a:r>
              <a:rPr lang="en-US" u="sng" dirty="0">
                <a:hlinkClick r:id="rId3"/>
              </a:rPr>
              <a:t>taadams@doe.k12.ga.us</a:t>
            </a:r>
            <a:endParaRPr lang="en-US" dirty="0"/>
          </a:p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Bobbie Bable, </a:t>
            </a:r>
            <a:r>
              <a:rPr lang="en-US" dirty="0"/>
              <a:t>Assessment Specialist, National Assessment of Educational Progress (NAEP), Georgia Kindergarten Inventory of Developing Skills (GKIDS), Assessment Literacy Resources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657-6168; </a:t>
            </a:r>
            <a:r>
              <a:rPr lang="en-US" u="sng" dirty="0">
                <a:hlinkClick r:id="rId4"/>
              </a:rPr>
              <a:t>bbable@doe.k12.ga.us</a:t>
            </a:r>
            <a:endParaRPr lang="en-US" dirty="0"/>
          </a:p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Joe Blessing,</a:t>
            </a:r>
            <a:r>
              <a:rPr lang="en-US" dirty="0"/>
              <a:t> Assessment Specialist, Georgia Milestones, Georgia Online Formative Assessment Resource (GOFAR)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232-1208; </a:t>
            </a:r>
            <a:r>
              <a:rPr lang="en-US" u="sng" dirty="0">
                <a:hlinkClick r:id="rId5"/>
              </a:rPr>
              <a:t>jblessing@doe.k12.ga.us</a:t>
            </a:r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3973F64-C9C9-4012-879C-ED4AB3618E6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247578"/>
          </a:xfrm>
        </p:spPr>
        <p:txBody>
          <a:bodyPr>
            <a:normAutofit fontScale="55000" lnSpcReduction="20000"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Kelli Harris-Wright</a:t>
            </a:r>
            <a:r>
              <a:rPr lang="en-US" dirty="0"/>
              <a:t>, Assessment Specialist, Formative Instructional Practices (FIP)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463-5047; </a:t>
            </a:r>
            <a:r>
              <a:rPr lang="en-US" u="sng" dirty="0">
                <a:hlinkClick r:id="rId6"/>
              </a:rPr>
              <a:t>kharris-wright@doe.k12.ga.us</a:t>
            </a:r>
            <a:endParaRPr lang="en-US" dirty="0"/>
          </a:p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Robert McLeod, Ed.D., </a:t>
            </a:r>
            <a:r>
              <a:rPr lang="en-US" dirty="0"/>
              <a:t>Assessment Specialist, </a:t>
            </a:r>
            <a:br>
              <a:rPr lang="en-US" dirty="0"/>
            </a:br>
            <a:r>
              <a:rPr lang="en-US" dirty="0"/>
              <a:t>Georgia Milestones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656-2589; </a:t>
            </a:r>
            <a:r>
              <a:rPr lang="en-US" u="sng" dirty="0">
                <a:hlinkClick r:id="rId7"/>
              </a:rPr>
              <a:t>rmcleod@doe.k12.ga.us</a:t>
            </a:r>
            <a:endParaRPr lang="en-US" dirty="0"/>
          </a:p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Mary Nesbit-McBride, Ph.D</a:t>
            </a:r>
            <a:r>
              <a:rPr lang="en-US" dirty="0"/>
              <a:t>., Assessment Specialist, ACCESS for ELLs 2.0, Georgia Alternate Assessment (GAA) 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232-1207; </a:t>
            </a:r>
            <a:r>
              <a:rPr lang="en-US" u="sng" dirty="0">
                <a:hlinkClick r:id="rId8"/>
              </a:rPr>
              <a:t>mnesbit@doe.k12.ga.us</a:t>
            </a:r>
            <a:endParaRPr lang="en-US" dirty="0"/>
          </a:p>
          <a:p>
            <a:pPr marL="0" indent="0">
              <a:lnSpc>
                <a:spcPct val="120000"/>
              </a:lnSpc>
              <a:buNone/>
            </a:pPr>
            <a:r>
              <a:rPr lang="en-US" b="1" dirty="0"/>
              <a:t>Missy Shealy</a:t>
            </a:r>
            <a:r>
              <a:rPr lang="en-US" dirty="0"/>
              <a:t>, Project Manager, Georgia Milestones</a:t>
            </a: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r>
              <a:rPr lang="en-US" dirty="0"/>
              <a:t>404-657-7651; </a:t>
            </a:r>
            <a:r>
              <a:rPr lang="en-US" u="sng" dirty="0">
                <a:hlinkClick r:id="rId9"/>
              </a:rPr>
              <a:t>mshealy@doe.k12.ga.us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7B5ACD-B6DE-4A2A-AD5A-C156EB79C2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2CF45A-E537-482C-998C-775E73FB483C}" type="datetime1">
              <a:rPr lang="en-US" smtClean="0"/>
              <a:t>9/4/2018</a:t>
            </a:fld>
            <a:endParaRPr lang="en-US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72</a:t>
            </a:fld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7F2A539-7CC7-47F2-9ADA-CAA147E4E17E}"/>
              </a:ext>
            </a:extLst>
          </p:cNvPr>
          <p:cNvSpPr txBox="1"/>
          <p:nvPr/>
        </p:nvSpPr>
        <p:spPr>
          <a:xfrm>
            <a:off x="3028410" y="6281309"/>
            <a:ext cx="227765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400" b="1">
                <a:hlinkClick r:id="rId10"/>
              </a:rPr>
              <a:t>http://testing.gadoe.org</a:t>
            </a:r>
            <a:r>
              <a:rPr lang="en-US" sz="1400" b="1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692681692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Questions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28992121-2788-43AB-884B-8780EB70700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tretch>
            <a:fillRect/>
          </a:stretch>
        </p:blipFill>
        <p:spPr>
          <a:xfrm>
            <a:off x="2858098" y="1659579"/>
            <a:ext cx="3481070" cy="4351338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73</a:t>
            </a:fld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247459-326A-4496-9FF8-39907AA018F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2BC2E4F-B457-4DA6-9928-2B0F9133FC54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5284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738D60-9BF6-47E4-9F83-1630CE3BA8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52001" y="-293077"/>
            <a:ext cx="4291999" cy="2022427"/>
          </a:xfrm>
          <a:solidFill>
            <a:schemeClr val="bg1"/>
          </a:solidFill>
        </p:spPr>
        <p:txBody>
          <a:bodyPr>
            <a:normAutofit/>
          </a:bodyPr>
          <a:lstStyle/>
          <a:p>
            <a:r>
              <a:rPr lang="en-US"/>
              <a:t>Back mapping your Calenda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17C1FA4-4524-4318-A03C-90F6A3F4089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8</a:t>
            </a:fld>
            <a:endParaRPr lang="en-US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F050BA49-B0EE-4435-8EEC-B7A0451D85E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59464743"/>
              </p:ext>
            </p:extLst>
          </p:nvPr>
        </p:nvGraphicFramePr>
        <p:xfrm>
          <a:off x="-1445342" y="0"/>
          <a:ext cx="11887201" cy="672147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1" name="Arrow: Bent-Up 10">
            <a:extLst>
              <a:ext uri="{FF2B5EF4-FFF2-40B4-BE49-F238E27FC236}">
                <a16:creationId xmlns:a16="http://schemas.microsoft.com/office/drawing/2014/main" id="{D90A1FA5-AADC-425F-8E1E-DF7E6CA443CA}"/>
              </a:ext>
            </a:extLst>
          </p:cNvPr>
          <p:cNvSpPr/>
          <p:nvPr/>
        </p:nvSpPr>
        <p:spPr>
          <a:xfrm rot="16200000">
            <a:off x="5663334" y="3595784"/>
            <a:ext cx="798343" cy="908885"/>
          </a:xfrm>
          <a:prstGeom prst="bentUpArrow">
            <a:avLst>
              <a:gd name="adj1" fmla="val 32840"/>
              <a:gd name="adj2" fmla="val 25000"/>
              <a:gd name="adj3" fmla="val 3578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4">
              <a:tint val="50000"/>
              <a:hueOff val="11499901"/>
              <a:satOff val="-63047"/>
              <a:lumOff val="6813"/>
              <a:alphaOff val="0"/>
            </a:schemeClr>
          </a:fillRef>
          <a:effectRef idx="0">
            <a:schemeClr val="accent4">
              <a:tint val="50000"/>
              <a:hueOff val="11499901"/>
              <a:satOff val="-63047"/>
              <a:lumOff val="6813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2" name="Arrow: Bent-Up 11">
            <a:extLst>
              <a:ext uri="{FF2B5EF4-FFF2-40B4-BE49-F238E27FC236}">
                <a16:creationId xmlns:a16="http://schemas.microsoft.com/office/drawing/2014/main" id="{E8224A8C-FCDA-4C15-B308-E191E981C0CC}"/>
              </a:ext>
            </a:extLst>
          </p:cNvPr>
          <p:cNvSpPr/>
          <p:nvPr/>
        </p:nvSpPr>
        <p:spPr>
          <a:xfrm rot="16200000">
            <a:off x="4438304" y="2426010"/>
            <a:ext cx="798343" cy="908885"/>
          </a:xfrm>
          <a:prstGeom prst="bentUpArrow">
            <a:avLst>
              <a:gd name="adj1" fmla="val 32840"/>
              <a:gd name="adj2" fmla="val 25000"/>
              <a:gd name="adj3" fmla="val 3578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4">
              <a:tint val="50000"/>
              <a:hueOff val="11499901"/>
              <a:satOff val="-63047"/>
              <a:lumOff val="6813"/>
              <a:alphaOff val="0"/>
            </a:schemeClr>
          </a:fillRef>
          <a:effectRef idx="0">
            <a:schemeClr val="accent4">
              <a:tint val="50000"/>
              <a:hueOff val="11499901"/>
              <a:satOff val="-63047"/>
              <a:lumOff val="6813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3" name="Arrow: Bent-Up 12">
            <a:extLst>
              <a:ext uri="{FF2B5EF4-FFF2-40B4-BE49-F238E27FC236}">
                <a16:creationId xmlns:a16="http://schemas.microsoft.com/office/drawing/2014/main" id="{A57BE80C-98DA-4E59-86D8-62EEF2F1C0F3}"/>
              </a:ext>
            </a:extLst>
          </p:cNvPr>
          <p:cNvSpPr/>
          <p:nvPr/>
        </p:nvSpPr>
        <p:spPr>
          <a:xfrm rot="16200000">
            <a:off x="3134233" y="1242244"/>
            <a:ext cx="798343" cy="908885"/>
          </a:xfrm>
          <a:prstGeom prst="bentUpArrow">
            <a:avLst>
              <a:gd name="adj1" fmla="val 32840"/>
              <a:gd name="adj2" fmla="val 25000"/>
              <a:gd name="adj3" fmla="val 35780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4">
              <a:tint val="50000"/>
              <a:hueOff val="11499901"/>
              <a:satOff val="-63047"/>
              <a:lumOff val="6813"/>
              <a:alphaOff val="0"/>
            </a:schemeClr>
          </a:fillRef>
          <a:effectRef idx="0">
            <a:schemeClr val="accent4">
              <a:tint val="50000"/>
              <a:hueOff val="11499901"/>
              <a:satOff val="-63047"/>
              <a:lumOff val="6813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4" name="Arrow: Bent-Up 13">
            <a:extLst>
              <a:ext uri="{FF2B5EF4-FFF2-40B4-BE49-F238E27FC236}">
                <a16:creationId xmlns:a16="http://schemas.microsoft.com/office/drawing/2014/main" id="{A9D0DF63-BA32-46E6-9C83-5E3503AF9E9A}"/>
              </a:ext>
            </a:extLst>
          </p:cNvPr>
          <p:cNvSpPr/>
          <p:nvPr/>
        </p:nvSpPr>
        <p:spPr>
          <a:xfrm rot="16200000">
            <a:off x="2018876" y="24712"/>
            <a:ext cx="798343" cy="908885"/>
          </a:xfrm>
          <a:prstGeom prst="bentUpArrow">
            <a:avLst>
              <a:gd name="adj1" fmla="val 32840"/>
              <a:gd name="adj2" fmla="val 25000"/>
              <a:gd name="adj3" fmla="val 35780"/>
            </a:avLst>
          </a:prstGeom>
          <a:solidFill>
            <a:schemeClr val="accent2">
              <a:lumMod val="20000"/>
              <a:lumOff val="80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4">
              <a:tint val="50000"/>
              <a:hueOff val="11499901"/>
              <a:satOff val="-63047"/>
              <a:lumOff val="6813"/>
              <a:alphaOff val="0"/>
            </a:schemeClr>
          </a:fillRef>
          <a:effectRef idx="0">
            <a:schemeClr val="accent4">
              <a:tint val="50000"/>
              <a:hueOff val="11499901"/>
              <a:satOff val="-63047"/>
              <a:lumOff val="6813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2B73E2D-9723-4110-878F-28E59CAF63A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5711542-0FC7-4CBB-8A7F-856036A6E4F3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04189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89E8A3-D696-41E1-8D4C-017CD4D762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Fitting Partnerships Togethe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9CC3E6C-39D6-44BF-A771-F65FC1B65A9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9</a:t>
            </a:fld>
            <a:endParaRPr lang="en-US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24E874C2-F485-4737-9489-5FEA885276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9134480"/>
              </p:ext>
            </p:extLst>
          </p:nvPr>
        </p:nvGraphicFramePr>
        <p:xfrm>
          <a:off x="250723" y="1396999"/>
          <a:ext cx="8716297" cy="519553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606C27-6159-4727-A60E-463CC98E920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DC420A2-6851-4220-A0BE-3D8042EDB05C}" type="datetime1">
              <a:rPr lang="en-US" smtClean="0"/>
              <a:t>9/4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76309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aDOE-PowerPoint-WhiteTemplat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1d496aed-39d0-4758-b3cf-4e4773287716"/>
    <Page xmlns="20a672bb-8554-40ed-8ef6-17ff2403b73b" xsi:nil="true"/>
    <PublishingExpirationDate xmlns="http://schemas.microsoft.com/sharepoint/v3" xsi:nil="true"/>
    <Page_x0020_SubHeader xmlns="20a672bb-8554-40ed-8ef6-17ff2403b73b" xsi:nil="true"/>
    <PublishingStartDate xmlns="http://schemas.microsoft.com/sharepoint/v3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8B34819C3326640A5C369F682C5BCEC" ma:contentTypeVersion="3" ma:contentTypeDescription="Create a new document." ma:contentTypeScope="" ma:versionID="b4d03f235370e36574effe2eb9849c75">
  <xsd:schema xmlns:xsd="http://www.w3.org/2001/XMLSchema" xmlns:xs="http://www.w3.org/2001/XMLSchema" xmlns:p="http://schemas.microsoft.com/office/2006/metadata/properties" xmlns:ns1="http://schemas.microsoft.com/sharepoint/v3" xmlns:ns2="1d496aed-39d0-4758-b3cf-4e4773287716" xmlns:ns3="20a672bb-8554-40ed-8ef6-17ff2403b73b" targetNamespace="http://schemas.microsoft.com/office/2006/metadata/properties" ma:root="true" ma:fieldsID="dc85d28dfa76c5fff1f4bca85981001c" ns1:_="" ns2:_="" ns3:_="">
    <xsd:import namespace="http://schemas.microsoft.com/sharepoint/v3"/>
    <xsd:import namespace="1d496aed-39d0-4758-b3cf-4e4773287716"/>
    <xsd:import namespace="20a672bb-8554-40ed-8ef6-17ff2403b73b"/>
    <xsd:element name="properties">
      <xsd:complexType>
        <xsd:sequence>
          <xsd:element name="documentManagement">
            <xsd:complexType>
              <xsd:all>
                <xsd:element ref="ns2:TaxCatchAll" minOccurs="0"/>
                <xsd:element ref="ns2:TaxCatchAllLabel" minOccurs="0"/>
                <xsd:element ref="ns1:PublishingStartDate" minOccurs="0"/>
                <xsd:element ref="ns1:PublishingExpirationDate" minOccurs="0"/>
                <xsd:element ref="ns3:Page" minOccurs="0"/>
                <xsd:element ref="ns3:Page_x0020_SubHeade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10" nillable="true" ma:displayName="Scheduling Start Date" ma:internalName="PublishingStartDate">
      <xsd:simpleType>
        <xsd:restriction base="dms:Unknown"/>
      </xsd:simpleType>
    </xsd:element>
    <xsd:element name="PublishingExpirationDate" ma:index="11" nillable="true" ma:displayName="Scheduling End Dat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496aed-39d0-4758-b3cf-4e4773287716" elementFormDefault="qualified">
    <xsd:import namespace="http://schemas.microsoft.com/office/2006/documentManagement/types"/>
    <xsd:import namespace="http://schemas.microsoft.com/office/infopath/2007/PartnerControls"/>
    <xsd:element name="TaxCatchAll" ma:index="8" nillable="true" ma:displayName="Taxonomy Catch All Column" ma:description="" ma:hidden="true" ma:list="{c9dd594f-b3c3-485c-979e-10fa5fdd8c85}" ma:internalName="TaxCatchAll" ma:showField="CatchAllData" ma:web="f9e61c99-8b37-4962-a864-d7fde1b0d03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9" nillable="true" ma:displayName="Taxonomy Catch All Column1" ma:description="" ma:hidden="true" ma:list="{c9dd594f-b3c3-485c-979e-10fa5fdd8c85}" ma:internalName="TaxCatchAllLabel" ma:readOnly="true" ma:showField="CatchAllDataLabel" ma:web="f9e61c99-8b37-4962-a864-d7fde1b0d03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0a672bb-8554-40ed-8ef6-17ff2403b73b" elementFormDefault="qualified">
    <xsd:import namespace="http://schemas.microsoft.com/office/2006/documentManagement/types"/>
    <xsd:import namespace="http://schemas.microsoft.com/office/infopath/2007/PartnerControls"/>
    <xsd:element name="Page" ma:index="12" nillable="true" ma:displayName="Page" ma:list="{812383B8-FDBA-42DE-9B28-EFCB3124A900}" ma:internalName="Page">
      <xsd:simpleType>
        <xsd:restriction base="dms:Lookup"/>
      </xsd:simpleType>
    </xsd:element>
    <xsd:element name="Page_x0020_SubHeader" ma:index="13" nillable="true" ma:displayName="Page SubHeader" ma:internalName="Page_x0020_SubHeader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7385F993-D178-4BE9-AC1A-182374B3A3FD}"/>
</file>

<file path=customXml/itemProps2.xml><?xml version="1.0" encoding="utf-8"?>
<ds:datastoreItem xmlns:ds="http://schemas.openxmlformats.org/officeDocument/2006/customXml" ds:itemID="{EB9AB90A-98C4-44F9-B6BD-4818B527DC20}"/>
</file>

<file path=customXml/itemProps3.xml><?xml version="1.0" encoding="utf-8"?>
<ds:datastoreItem xmlns:ds="http://schemas.openxmlformats.org/officeDocument/2006/customXml" ds:itemID="{0C748246-3A51-471A-B06C-5E31634F178A}"/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141</Words>
  <Application>Microsoft Office PowerPoint</Application>
  <PresentationFormat>On-screen Show (4:3)</PresentationFormat>
  <Paragraphs>746</Paragraphs>
  <Slides>73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3</vt:i4>
      </vt:variant>
    </vt:vector>
  </HeadingPairs>
  <TitlesOfParts>
    <vt:vector size="83" baseType="lpstr">
      <vt:lpstr>Arial</vt:lpstr>
      <vt:lpstr>Arial Narrow</vt:lpstr>
      <vt:lpstr>Arial Rounded MT Bold</vt:lpstr>
      <vt:lpstr>Calibri</vt:lpstr>
      <vt:lpstr>Calibri Light</vt:lpstr>
      <vt:lpstr>Corbel</vt:lpstr>
      <vt:lpstr>Courier New</vt:lpstr>
      <vt:lpstr>Garamond</vt:lpstr>
      <vt:lpstr>Times New Roman</vt:lpstr>
      <vt:lpstr>GaDOE-PowerPoint-WhiteTemplate</vt:lpstr>
      <vt:lpstr>Fall 2018 Assessment Conference Part 2  September 4 &amp; 6, 2018</vt:lpstr>
      <vt:lpstr>Webinar</vt:lpstr>
      <vt:lpstr>District Assessment Plan</vt:lpstr>
      <vt:lpstr>Calendaring</vt:lpstr>
      <vt:lpstr>State Testing Calendar</vt:lpstr>
      <vt:lpstr>Fitting it all Together</vt:lpstr>
      <vt:lpstr>PowerPoint Presentation</vt:lpstr>
      <vt:lpstr>Back mapping your Calendar</vt:lpstr>
      <vt:lpstr>Fitting Partnerships Together</vt:lpstr>
      <vt:lpstr>Sample District Schedule</vt:lpstr>
      <vt:lpstr>Spring/Summer Testing Overlap</vt:lpstr>
      <vt:lpstr>Georgia Milestones EOG Scheduling Flexibility</vt:lpstr>
      <vt:lpstr>Georgia Milestones EOG Scheduling Flexibility Example</vt:lpstr>
      <vt:lpstr>Georgia Milestones EOG Scheduling Flexibility Example</vt:lpstr>
      <vt:lpstr>Projecting Spring Milestones Preliminary Reporting</vt:lpstr>
      <vt:lpstr>Preliminary Spring 2019 Enrollment Survey</vt:lpstr>
      <vt:lpstr>Communication</vt:lpstr>
      <vt:lpstr>Communicate your Calendar</vt:lpstr>
      <vt:lpstr>PowerPoint Presentation</vt:lpstr>
      <vt:lpstr>Georgia Milestones Reports</vt:lpstr>
      <vt:lpstr>Assessment Administration</vt:lpstr>
      <vt:lpstr>For Educators</vt:lpstr>
      <vt:lpstr>Assessment Resources</vt:lpstr>
      <vt:lpstr>GAA Resources</vt:lpstr>
      <vt:lpstr>Checklist for School Test Coordinators</vt:lpstr>
      <vt:lpstr>Technology</vt:lpstr>
      <vt:lpstr>Fitting Partnerships Together</vt:lpstr>
      <vt:lpstr>Building a Tech Team for Assessment</vt:lpstr>
      <vt:lpstr>Site Technology Readiness Checklist</vt:lpstr>
      <vt:lpstr>Let's Get Started</vt:lpstr>
      <vt:lpstr>Georgia Online Assessment Overview</vt:lpstr>
      <vt:lpstr>OS Breakdown Spring 2017-18 Milestones EOG and EOC</vt:lpstr>
      <vt:lpstr>Site Technology Readiness Scope</vt:lpstr>
      <vt:lpstr>Things to consider for Testing and Technology</vt:lpstr>
      <vt:lpstr>Keeping Students Connected</vt:lpstr>
      <vt:lpstr>Wireless Considerations</vt:lpstr>
      <vt:lpstr>Network Considerations</vt:lpstr>
      <vt:lpstr>Milestones Capacity Estimator</vt:lpstr>
      <vt:lpstr>ELL Capacity Estimator</vt:lpstr>
      <vt:lpstr>Central Office Services (COS)  Georgia Milestones Assessments  ACCESS for ELLS 2.0</vt:lpstr>
      <vt:lpstr>Benefits of COS Service Devices</vt:lpstr>
      <vt:lpstr>Keeping Students Connected</vt:lpstr>
      <vt:lpstr>Accessing the COS Dashboard</vt:lpstr>
      <vt:lpstr>COS-DTK Dashboard</vt:lpstr>
      <vt:lpstr>Accessing the Student Status Dashboard</vt:lpstr>
      <vt:lpstr>PowerPoint Presentation</vt:lpstr>
      <vt:lpstr>Test Engine Update  Fixes top reason for call to Customer Service</vt:lpstr>
      <vt:lpstr>Benefits of Enhanced Retries Instead of Response Caching</vt:lpstr>
      <vt:lpstr>Administration with Students</vt:lpstr>
      <vt:lpstr>Best Practices for Students</vt:lpstr>
      <vt:lpstr>DRC INSIGHT Navigation  Georgia Milestones Assessments  ACCESS for ELLs 2.0</vt:lpstr>
      <vt:lpstr>ACCESS for ELLs 2.0 Online Test Practice</vt:lpstr>
      <vt:lpstr>ACCESS for ELLS 2.0 Online Listening Domain</vt:lpstr>
      <vt:lpstr>ACCESS for ELLs 2.0 Online Reading Domain</vt:lpstr>
      <vt:lpstr>ACCESS for ELLS 2.0 Online Speaking Domain</vt:lpstr>
      <vt:lpstr>PowerPoint Presentation</vt:lpstr>
      <vt:lpstr>Experience Online Testing Georgia</vt:lpstr>
      <vt:lpstr>Georgia Milestones Assessments - Toolbar</vt:lpstr>
      <vt:lpstr>Georgia Milestones Assessments - Tools</vt:lpstr>
      <vt:lpstr>Georgia Milestones Assessments - Tools</vt:lpstr>
      <vt:lpstr>Navigating Pages for Reading Passages</vt:lpstr>
      <vt:lpstr>Constructed Response Character Limitations</vt:lpstr>
      <vt:lpstr>Constructed Response Mistakenly Deleting Responses (Reading/Math)</vt:lpstr>
      <vt:lpstr>Writing Task</vt:lpstr>
      <vt:lpstr>Equation Builder (Math)</vt:lpstr>
      <vt:lpstr>Basic Calculator</vt:lpstr>
      <vt:lpstr>Scientific Calculator</vt:lpstr>
      <vt:lpstr>Graphing Tool</vt:lpstr>
      <vt:lpstr>Exiting a Test Session Properly</vt:lpstr>
      <vt:lpstr>Exiting a Test Session Properly</vt:lpstr>
      <vt:lpstr>Georgia Milestones Assessments –  Online Test Practice </vt:lpstr>
      <vt:lpstr>Assessment Administration Contact Information Toll-Free (800) 634-4106 and (404) 656-2668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ystem Test Coordinators’ Fall  Conference Part 2</dc:title>
  <dc:creator/>
  <cp:revision>1</cp:revision>
  <dcterms:modified xsi:type="dcterms:W3CDTF">2018-09-04T12:43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8B34819C3326640A5C369F682C5BCEC</vt:lpwstr>
  </property>
</Properties>
</file>